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925"/>
  <workbookPr/>
  <mc:AlternateContent xmlns:mc="http://schemas.openxmlformats.org/markup-compatibility/2006">
    <mc:Choice Requires="x15">
      <x15ac:absPath xmlns:x15ac="http://schemas.microsoft.com/office/spreadsheetml/2010/11/ac" url="\\s04\VO_DOC\01. Súťaže\2025\02. Oddelenie VO\01. Prebiehajúce zákazky\04. Juraj\06 - 2023 - 155. (Príprava) Registratúrny a DMS systém\03. Príprava\04. PTK\03.1 Odoslanie PTK 3\"/>
    </mc:Choice>
  </mc:AlternateContent>
  <xr:revisionPtr revIDLastSave="0" documentId="13_ncr:1_{BDB5786F-1685-470E-BFCD-3BC3AF78254F}" xr6:coauthVersionLast="47" xr6:coauthVersionMax="47" xr10:uidLastSave="{00000000-0000-0000-0000-000000000000}"/>
  <bookViews>
    <workbookView xWindow="12630" yWindow="705" windowWidth="15315" windowHeight="14985" xr2:uid="{00000000-000D-0000-FFFF-FFFF00000000}"/>
  </bookViews>
  <sheets>
    <sheet name="Cenová ponuka" sheetId="8" r:id="rId1"/>
  </sheets>
  <definedNames>
    <definedName name="_xlnm.Print_Area" localSheetId="0">'Cenová ponuka'!$B$1:$F$53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14" uniqueCount="969">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27.</t>
  </si>
  <si>
    <t>28.</t>
  </si>
  <si>
    <t>29.</t>
  </si>
  <si>
    <t>2.1.</t>
  </si>
  <si>
    <t>2.2.</t>
  </si>
  <si>
    <t>2.3.</t>
  </si>
  <si>
    <t>2.4.</t>
  </si>
  <si>
    <t>2.5.</t>
  </si>
  <si>
    <t>vykonanie ďalších servisných úkonov a činností predpísaných príslušnou právnou úpravou a aplikovateľnými normami,</t>
  </si>
  <si>
    <t>3.1</t>
  </si>
  <si>
    <t>Elektronický informačný (automatizovaný) systém na správu a riadenie dokumentov / registratúry</t>
  </si>
  <si>
    <t>48311000-1 - Softvérový balík na riadenie dokumentov</t>
  </si>
  <si>
    <t>48782000-3 - Softvérový balík na riadenie archivácie</t>
  </si>
  <si>
    <t>48311100-2 - Systémy riadenia dokumentov</t>
  </si>
  <si>
    <t>48310000-4 - Softvérový balík na vytváranie dokumentov</t>
  </si>
  <si>
    <t>72212300-2 - Služby na vývoj softvéru na vytváranie dokumentov, kreslenie, vytváranie obrázkov, harmonogramov a na zlepšovanie produktivity</t>
  </si>
  <si>
    <t>Položka č. 2</t>
  </si>
  <si>
    <t>Položka č. 3</t>
  </si>
  <si>
    <t>Položka č. 4</t>
  </si>
  <si>
    <t>Položka č. 5</t>
  </si>
  <si>
    <t>Položka č. 6</t>
  </si>
  <si>
    <t>Položka č. 7</t>
  </si>
  <si>
    <t>Položka č. 8</t>
  </si>
  <si>
    <t>Implementačné a konfiguračné práce</t>
  </si>
  <si>
    <t>Položka č.1 - Systémová administrácia</t>
  </si>
  <si>
    <t>1.1</t>
  </si>
  <si>
    <t>1.2</t>
  </si>
  <si>
    <t>1.3</t>
  </si>
  <si>
    <t>1.4</t>
  </si>
  <si>
    <t>1.5</t>
  </si>
  <si>
    <t>1.6</t>
  </si>
  <si>
    <t>1.7</t>
  </si>
  <si>
    <t>1.8</t>
  </si>
  <si>
    <t>1.9</t>
  </si>
  <si>
    <t>1.10</t>
  </si>
  <si>
    <t>1.11</t>
  </si>
  <si>
    <t>2.1</t>
  </si>
  <si>
    <t>2.2</t>
  </si>
  <si>
    <t>2.3</t>
  </si>
  <si>
    <t>2.4</t>
  </si>
  <si>
    <t>2.5</t>
  </si>
  <si>
    <t>2.6</t>
  </si>
  <si>
    <t>2.7</t>
  </si>
  <si>
    <t>2.8</t>
  </si>
  <si>
    <t>2.9</t>
  </si>
  <si>
    <t>2.10</t>
  </si>
  <si>
    <t>2.10.1</t>
  </si>
  <si>
    <t>2.10.2</t>
  </si>
  <si>
    <t>2.10.3</t>
  </si>
  <si>
    <t>2.10.4</t>
  </si>
  <si>
    <t>2.11</t>
  </si>
  <si>
    <r>
      <t xml:space="preserve">Vyhotovovanie nových dokumentov sa vykonáva prostredníctvom </t>
    </r>
    <r>
      <rPr>
        <b/>
        <sz val="10"/>
        <rFont val="Arial"/>
        <family val="2"/>
        <charset val="238"/>
      </rPr>
      <t>šablón dokumentov</t>
    </r>
    <r>
      <rPr>
        <sz val="10"/>
        <rFont val="Arial"/>
        <family val="2"/>
        <charset val="238"/>
      </rPr>
      <t xml:space="preserve">, ktoré môžu byť </t>
    </r>
    <r>
      <rPr>
        <b/>
        <sz val="10"/>
        <rFont val="Arial"/>
        <family val="2"/>
        <charset val="238"/>
      </rPr>
      <t>štandardné</t>
    </r>
    <r>
      <rPr>
        <sz val="10"/>
        <rFont val="Arial"/>
        <family val="2"/>
        <charset val="238"/>
      </rPr>
      <t xml:space="preserve"> dodané pri inštalácii modulov (napr. skenovanie nového dokumentu na pracovisku príslušnej šablóny) alebo </t>
    </r>
    <r>
      <rPr>
        <b/>
        <sz val="10"/>
        <rFont val="Arial"/>
        <family val="2"/>
        <charset val="238"/>
      </rPr>
      <t>klientské</t>
    </r>
    <r>
      <rPr>
        <sz val="10"/>
        <rFont val="Arial"/>
        <family val="2"/>
        <charset val="238"/>
      </rPr>
      <t xml:space="preserve"> (napr. hlavičkový papier, objednávka, rozhodnutie, atď.). Čím sa úplne zjednocujú úkony potrebné pre vyhotovenie nového dokumentu.</t>
    </r>
  </si>
  <si>
    <t>2.12</t>
  </si>
  <si>
    <t>2.13</t>
  </si>
  <si>
    <t>2.14</t>
  </si>
  <si>
    <t>Informačný systém musí zaznamenávať aktivity používateľov smerom k metaúdajom i k samotným dokumentom.</t>
  </si>
  <si>
    <t>2.15</t>
  </si>
  <si>
    <t>Práva, ktoré Informačný systém štandardne obsahuje, musí byť možné doplniť na základe požiadaviek Obstarávateľa aj o ďalšie doposiaľ nedefinované kombinácie práv.</t>
  </si>
  <si>
    <t>2.16</t>
  </si>
  <si>
    <t>Požadované rozhranie Informačného systému je na úrovni tried .NET s možnosťou prepojenia s aplikáciami MS Office, MS Outlook a pod.</t>
  </si>
  <si>
    <t>2.17</t>
  </si>
  <si>
    <t>2.17.1</t>
  </si>
  <si>
    <t>2.17.2</t>
  </si>
  <si>
    <t>2.17.3</t>
  </si>
  <si>
    <t>2.17.4</t>
  </si>
  <si>
    <t>2.17.5</t>
  </si>
  <si>
    <t>2.17.6</t>
  </si>
  <si>
    <t>2.17.7</t>
  </si>
  <si>
    <t>2.17.8</t>
  </si>
  <si>
    <t>2.17.9</t>
  </si>
  <si>
    <t>2.17.10</t>
  </si>
  <si>
    <t>2.17.11</t>
  </si>
  <si>
    <t>2.17.12</t>
  </si>
  <si>
    <t>2.17.13</t>
  </si>
  <si>
    <t>2.17.14</t>
  </si>
  <si>
    <t>2.17.15</t>
  </si>
  <si>
    <t>2.17.16</t>
  </si>
  <si>
    <t>2.17.17</t>
  </si>
  <si>
    <t>2.17.18</t>
  </si>
  <si>
    <t>2.17.19</t>
  </si>
  <si>
    <t>2.17.20</t>
  </si>
  <si>
    <t>2.17.21</t>
  </si>
  <si>
    <t>2.17.22</t>
  </si>
  <si>
    <t>2.17.23</t>
  </si>
  <si>
    <t>2.17.24</t>
  </si>
  <si>
    <t>2.17.25</t>
  </si>
  <si>
    <t>2.18</t>
  </si>
  <si>
    <t>2.18.1</t>
  </si>
  <si>
    <t>2.18.2</t>
  </si>
  <si>
    <t>2.18.3</t>
  </si>
  <si>
    <t>2.18.4</t>
  </si>
  <si>
    <t>2.18.5</t>
  </si>
  <si>
    <t>2.18.6</t>
  </si>
  <si>
    <t>2.18.7</t>
  </si>
  <si>
    <t>2.18.8</t>
  </si>
  <si>
    <t>2.18.9</t>
  </si>
  <si>
    <t>2.18.10</t>
  </si>
  <si>
    <t>2.18.11</t>
  </si>
  <si>
    <t>2.18.12</t>
  </si>
  <si>
    <t>2.18.13</t>
  </si>
  <si>
    <t>2.18.14</t>
  </si>
  <si>
    <t>2.18.15</t>
  </si>
  <si>
    <t>2.18.16</t>
  </si>
  <si>
    <t>4.1</t>
  </si>
  <si>
    <t>4.1.1</t>
  </si>
  <si>
    <t>4.1.2</t>
  </si>
  <si>
    <t>4.1.3</t>
  </si>
  <si>
    <t>4.1.4</t>
  </si>
  <si>
    <t>4.1.5</t>
  </si>
  <si>
    <t>4.1.6</t>
  </si>
  <si>
    <t>4.1.7</t>
  </si>
  <si>
    <t>4.1.8</t>
  </si>
  <si>
    <t>4.1.9</t>
  </si>
  <si>
    <t>4.1.10</t>
  </si>
  <si>
    <t>4.1.11</t>
  </si>
  <si>
    <t>4.1.12</t>
  </si>
  <si>
    <t>5.1</t>
  </si>
  <si>
    <t>5.1.1</t>
  </si>
  <si>
    <t>5.1.2</t>
  </si>
  <si>
    <t>5.1.3</t>
  </si>
  <si>
    <t>5.1.4</t>
  </si>
  <si>
    <t>5.1.5</t>
  </si>
  <si>
    <t>6.1</t>
  </si>
  <si>
    <t>6.2</t>
  </si>
  <si>
    <t>6.3</t>
  </si>
  <si>
    <t>6.4</t>
  </si>
  <si>
    <t>6.5</t>
  </si>
  <si>
    <t>6.6</t>
  </si>
  <si>
    <t>6.7</t>
  </si>
  <si>
    <t>6.8</t>
  </si>
  <si>
    <t>6.9</t>
  </si>
  <si>
    <t>6.10</t>
  </si>
  <si>
    <t>Položka č.7 - Implementačné a konfiguračné práce</t>
  </si>
  <si>
    <t>7.1</t>
  </si>
  <si>
    <t>7.1.1</t>
  </si>
  <si>
    <t>7.1.2</t>
  </si>
  <si>
    <t>7.1.3</t>
  </si>
  <si>
    <t>7.2</t>
  </si>
  <si>
    <t>7.2.1</t>
  </si>
  <si>
    <t>7.2.2</t>
  </si>
  <si>
    <t>7.2.3</t>
  </si>
  <si>
    <t>7.2.4</t>
  </si>
  <si>
    <t>7.2.5</t>
  </si>
  <si>
    <t>7.2.6</t>
  </si>
  <si>
    <t>7.3</t>
  </si>
  <si>
    <t>7.3.1</t>
  </si>
  <si>
    <t>7.3.2</t>
  </si>
  <si>
    <t>7.3.3</t>
  </si>
  <si>
    <t>7.3.4</t>
  </si>
  <si>
    <t>7.3.5</t>
  </si>
  <si>
    <t>7.3.6</t>
  </si>
  <si>
    <t>7.3.7</t>
  </si>
  <si>
    <t>7.3.8</t>
  </si>
  <si>
    <t>7.3.9</t>
  </si>
  <si>
    <t>7.4</t>
  </si>
  <si>
    <t>7.4.1</t>
  </si>
  <si>
    <t>7.4.2</t>
  </si>
  <si>
    <t>7.4.3</t>
  </si>
  <si>
    <t>7.5</t>
  </si>
  <si>
    <t>8.1</t>
  </si>
  <si>
    <t>8.1.1</t>
  </si>
  <si>
    <t>8.1.2</t>
  </si>
  <si>
    <t>8.1.3</t>
  </si>
  <si>
    <t>8.1.4</t>
  </si>
  <si>
    <t>8.1.5</t>
  </si>
  <si>
    <t>8.1.6</t>
  </si>
  <si>
    <t>8.1.7</t>
  </si>
  <si>
    <t>8.2</t>
  </si>
  <si>
    <t>8.2.1</t>
  </si>
  <si>
    <t>8.2.2</t>
  </si>
  <si>
    <t>8.3</t>
  </si>
  <si>
    <t>8.3.1</t>
  </si>
  <si>
    <t>8.3.2</t>
  </si>
  <si>
    <t>8.4</t>
  </si>
  <si>
    <t>8.5</t>
  </si>
  <si>
    <t>Dodávateľ riešenia zodpovedá za to, že servisnú podporu dodaného riešenia u odberateľa vykonávajú osoby, ktoré sú certifikované na odborné vykonanie prác týkajúcich sa servisnej podpory jednotlivých položiek dodaného diela (Informačného systému).</t>
  </si>
  <si>
    <t>8.6</t>
  </si>
  <si>
    <t>9.1</t>
  </si>
  <si>
    <t>Ďalšie požadované vlastností a funkcionality</t>
  </si>
  <si>
    <t>Príloha č. 3</t>
  </si>
  <si>
    <t>Zoznam služieb, lokalít, kontaktných osôb  a zariadení</t>
  </si>
  <si>
    <t>po predchádzajúcom preukázateľnom upovedomení Objednávateľa minimálne 5 pracovných dní vopred tak, aby Objednávateľ mohol poskytnúť potrebnú súčinnosť pri dodaní,</t>
  </si>
  <si>
    <t>s dodacím listom, ktorý musí obsahovať okrem povinných náležitostí aj číslo objednávky (ak bola vystavená), číslo zmluvy,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podľa aktuálne platného colného sadzobníka,
- údaj o krajine pôvodu (t. j. krajina kde bol vyrobený).</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oprava vád a porúch, t. j. uvedenie do stavu plnej využiteľnosti vzhľadom k jeho technickým parametrom,</t>
  </si>
  <si>
    <t>vykonanie štandardných vylepšení odporúčaných a predpísaných výrobcom, vrátane vykonania servisných aktualizácií, t. j. servisný update softwarového vybavenia,</t>
  </si>
  <si>
    <t>vykonanie akýchkoľvek neplánovaných opráv a údržby, ktoré nevyplývajú zo servisného plánu výrobcu, ak takáto oprava je nevyhnutná za účelom zabezpečenia prevádzky, vrátane generálnej opravy,</t>
  </si>
  <si>
    <t>Priorita 3 – spravidla pre incidenty, ktoré majú dopad na malý počet užívateľov a/alebo, ktoré komplikujú postupy pri práci v rámci IS, t. j. prejavujú sa v nezhode ovládania či výstupov so správaním popísaným v dokumentácii/helpe, alebo nie sú uvedené v predchádzajúcich kategóriách. Takéto incidenty sú riešené z obidvoch strán počas pracovnej doby. Nahlásenie takéhoto incidentu je realizované spísaním záznamu do helpdeskového systému Dodávateľa.
TTO (Time To Own) = 1 hod, TTR (Time To Resolve) = 72 hod</t>
  </si>
  <si>
    <t>Priorita 4 – spravidla pre incidenty s dopadom na malý počet užívateľov, (spravidla jeden) – a s nízkou dôležitosťou. Takéto Incidenty sú riešené z obidvoch strán počas pracovnej doby. Nahlásenie takéhoto incidentu je realizované spísaním záznamu do helpdeskového systému Dodávateľa.
TTO (Time To Own) = 1 hod, TTR (Time To Resolve) = 96 hod</t>
  </si>
  <si>
    <t>Dodávateľ nesie zodpovednosť za to, že služby servisu a údržby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V prípade, ak sa na predmet zákazky vykonala prípravná trhová konzultácia, informácie k prípravnej trhovej konzultácie verejný obstarávateľ zverejňuje na internetovej stránke: www.vusch.sk/verejne-obstaravanie/</t>
  </si>
  <si>
    <t>Nástroje pre administráciu a správu pre užívateľské prispôsobenie dodaného Informačného systému:</t>
  </si>
  <si>
    <t>- Definícia a konfigurácia globálnych parametrov Informačného systému, jeho modulov a ich agendy.</t>
  </si>
  <si>
    <t>- Definícia členenia agendy.</t>
  </si>
  <si>
    <t>- Definícia prístupových práv v Informačnom systéme.</t>
  </si>
  <si>
    <t>- Používateľské prispôsobenie klientskeho rozhrania programov Informačného systému.</t>
  </si>
  <si>
    <t>- Funkcionalita pre naplnenie číselníkov organizačných úsekov, stredísk, oddelení a zamestnancov.</t>
  </si>
  <si>
    <t>- Nastavenie parametrov číslovania.</t>
  </si>
  <si>
    <t>- Prostredie a funkcionality pre systémové nastavenia.</t>
  </si>
  <si>
    <t>- Funkcionalita pre import údajov z okolitých IS (rôzne číselníky, adresáre atď.).</t>
  </si>
  <si>
    <t>- Grafické používateľské prostredie (GUI) pre návrh a nastavenie schvaľovacích procesov.</t>
  </si>
  <si>
    <t>- Návrhár používateľských metadát.</t>
  </si>
  <si>
    <t>- Grafické používateľské prostredie (GUI) pre návrh vlastných/osobitných tlačových zostáv.</t>
  </si>
  <si>
    <t>- Podpora systematizácie vlastných pracovných postupov.</t>
  </si>
  <si>
    <t>- Podpora unifikácie business procesov.</t>
  </si>
  <si>
    <t>- Podpora tímovej spolupráce a interakcie pracovníkov.</t>
  </si>
  <si>
    <t>- Možnosť integrácie s ďalšími systémami Obstarávateľa (ERP, NIS atď.).</t>
  </si>
  <si>
    <t>- Podpora dodržiavania presne zadefinovaných postupov a procesov (Workflow).</t>
  </si>
  <si>
    <t>- Rozhranie je optimalizované na správu veľkého množstva dokumentov, umožňuje veľmi rýchle spracovanie aj najzložitejších dotazov, okamžité zoraďovanie aj veľkého množstva údajov o dokumentoch.</t>
  </si>
  <si>
    <t>- Ergonómia celého riešenia, musí byť prispôsobovaná potrebe vykonávať čo najmenej nevyhnutných úkonov pre spracovanie aj veľmi veľkého množstva záznamov (drag and drop evidovanie súborov, využívanie pomocných textov, klávesové skratky, kontextové menu, atď.).</t>
  </si>
  <si>
    <r>
      <rPr>
        <b/>
        <sz val="10"/>
        <rFont val="Arial"/>
        <family val="2"/>
        <charset val="238"/>
      </rPr>
      <t>- Na úrovni individuálneho spracovateľa dokumentov</t>
    </r>
    <r>
      <rPr>
        <sz val="10"/>
        <rFont val="Arial"/>
        <family val="2"/>
        <charset val="238"/>
      </rPr>
      <t xml:space="preserve"> poskytuje prehľad o dokumentoch zaradených v systémových zložkách a vlastných dokumentových zložkách vytvorených samotným užívateľom vo vlastnom užívateľskom rozhraní (súkromné, verejné a projektové zložky s možnosťou vytvárania dynamických zložiek).</t>
    </r>
  </si>
  <si>
    <r>
      <rPr>
        <b/>
        <sz val="10"/>
        <rFont val="Arial"/>
        <family val="2"/>
        <charset val="238"/>
      </rPr>
      <t>- Na úrovni procesnej logiky organizácie</t>
    </r>
    <r>
      <rPr>
        <sz val="10"/>
        <rFont val="Arial"/>
        <family val="2"/>
        <charset val="238"/>
      </rPr>
      <t xml:space="preserve"> aplikácia zobrazuje stromovú štruktúru určenú pre členenie dokumentov podľa vecnej príslušnosti na základe registratúrneho plánu spoločnosti.
Výberom položky v stromovej štruktúre registratúrneho plánu sa užívateľovi na základe nastavených oprávnení zobrazí zoznam všetkých spisov uložených v danej zložke.
Kliknutím na príslušný spis sa zobrazí zoznam všetkých dokumentov, ktoré spis obsahuje – teda pokiaľ je spisom napríklad zákazka, bude obsahovať všetky zaevidované podklady, korešpondenciu, e-maily. Zároveň však po kliknutí na príslušný spis bude možné zobraziť všetky súvisiace dokumenty, týkajúce sa zákazky, nachádzajúce sa v spisoch iných agend (zmluvy, dodatky zmlúv, účtovné záznamy, faktúry, dodacie listy).
Kliknutím na záznam sa zobrazia elektronické dokumenty pripojené k záznamu.</t>
    </r>
  </si>
  <si>
    <r>
      <rPr>
        <b/>
        <sz val="10"/>
        <rFont val="Arial"/>
        <family val="2"/>
        <charset val="238"/>
      </rPr>
      <t>- Na úrovni správy riadenej dokumentácie</t>
    </r>
    <r>
      <rPr>
        <sz val="10"/>
        <rFont val="Arial"/>
        <family val="2"/>
        <charset val="238"/>
      </rPr>
      <t xml:space="preserve"> aplikácia umožňuje evidenciu, pripomienkovanie, schvaľovanie, revíziu, zverejnenie verzií riadenej dokumentácie (procesov, poriadkov, smerníc, atď.).</t>
    </r>
  </si>
  <si>
    <t>- Spracovanie doručených záznamov.</t>
  </si>
  <si>
    <t>- Evidovanie vlastných vzniknutých záznamov.</t>
  </si>
  <si>
    <t>- Možnosť pripájania súborov drag and drop.</t>
  </si>
  <si>
    <t>- Možnosť vypĺňania polí v šablónach MS Word dokumentov metadátami záznamu.</t>
  </si>
  <si>
    <r>
      <t>- Prehliadač elektronických XML správ zo</t>
    </r>
    <r>
      <rPr>
        <b/>
        <sz val="10"/>
        <rFont val="Arial"/>
        <family val="2"/>
        <charset val="238"/>
      </rPr>
      <t xml:space="preserve"> slovensko.sk</t>
    </r>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má zabezpečiť, aby zdokumentované postupy boli z hľadiska správy a riadenia dokumentov a informácií dodržiavané.</t>
    </r>
  </si>
  <si>
    <r>
      <rPr>
        <b/>
        <sz val="10"/>
        <rFont val="Arial"/>
        <family val="2"/>
        <charset val="238"/>
      </rPr>
      <t>- Centrálna správa šablón dokumentov</t>
    </r>
    <r>
      <rPr>
        <sz val="10"/>
        <rFont val="Arial"/>
        <family val="2"/>
        <charset val="238"/>
      </rPr>
      <t xml:space="preserve"> (možnosť z jedného miesta zverejňovať a sťahovať dokumenty pre všetkých oprávnených používateľov) a ich využívanie používateľmi (hlavičkový papier, formuláre, tlačivá), ktoré Obstarávateľ používa.</t>
    </r>
  </si>
  <si>
    <r>
      <t xml:space="preserve">- Možnosť </t>
    </r>
    <r>
      <rPr>
        <b/>
        <sz val="10"/>
        <rFont val="Arial"/>
        <family val="2"/>
        <charset val="238"/>
      </rPr>
      <t>sledovania verzií dokumentov</t>
    </r>
    <r>
      <rPr>
        <sz val="10"/>
        <rFont val="Arial"/>
        <family val="2"/>
        <charset val="238"/>
      </rPr>
      <t xml:space="preserve"> a nastavovania ich platnosti (napr. v prípade smerníc, noriem, postupov atď.).</t>
    </r>
  </si>
  <si>
    <t>- Možnosť evidovania špeciálnych druhov registratúrnych záznamov (zmluvy, zákazky a pod.) jednotným spôsobom s prihliadnutím na ich špecifiká.</t>
  </si>
  <si>
    <r>
      <t xml:space="preserve">- Možnosť </t>
    </r>
    <r>
      <rPr>
        <b/>
        <sz val="10"/>
        <rFont val="Arial"/>
        <family val="2"/>
        <charset val="238"/>
      </rPr>
      <t>riadenia pohybu záznamov a dokumentov v rámci spoločnosti</t>
    </r>
    <r>
      <rPr>
        <sz val="10"/>
        <rFont val="Arial"/>
        <family val="2"/>
        <charset val="238"/>
      </rPr>
      <t xml:space="preserve"> – pridelenie podriadenému organizačnému útvaru alebo inému pracovníkovi oddelenia (s prihliadnutím na nastavenie oprávnení), zdieľanie, odstúpenie záznamov a dokumentov.</t>
    </r>
  </si>
  <si>
    <r>
      <t xml:space="preserve">- Možnosť podrobného </t>
    </r>
    <r>
      <rPr>
        <b/>
        <sz val="10"/>
        <rFont val="Arial"/>
        <family val="2"/>
        <charset val="238"/>
      </rPr>
      <t>sledovania prístupov</t>
    </r>
    <r>
      <rPr>
        <sz val="10"/>
        <rFont val="Arial"/>
        <family val="2"/>
        <charset val="238"/>
      </rPr>
      <t xml:space="preserve"> k záznamom a dokumentom.</t>
    </r>
  </si>
  <si>
    <t>- Viac možností riešiť obeh záznamov v spoločnosti (napr. interná pošta).</t>
  </si>
  <si>
    <t>- Používanie centrálneho adresára pôvodcov záznamov.</t>
  </si>
  <si>
    <t>- Tlač obálok, tlač štítkov na obálky.</t>
  </si>
  <si>
    <t>- Možnosť evidovania a odosielania súborov elektronickej pošty.</t>
  </si>
  <si>
    <t>- Možnosť definovania užívateľských metadát pre jednotlivé typy agend.</t>
  </si>
  <si>
    <t>- Kopírovanie súborov.</t>
  </si>
  <si>
    <t>- Prezeranie a tlač preddefinovaných záznamov (alebo zoznamov záznamov).</t>
  </si>
  <si>
    <t>- Pohotové vyhľadávanie záznamov alebo spisov podľa rôznych kritérií.</t>
  </si>
  <si>
    <t>- Možnosť skenovania papierových záznamov (podpora skenera s podávačom).</t>
  </si>
  <si>
    <r>
      <rPr>
        <b/>
        <sz val="10"/>
        <rFont val="Arial"/>
        <family val="2"/>
        <charset val="238"/>
      </rPr>
      <t>- Podpora funkcionality schvaľovacích procesov</t>
    </r>
    <r>
      <rPr>
        <sz val="10"/>
        <rFont val="Arial"/>
        <family val="2"/>
        <charset val="238"/>
      </rPr>
      <t xml:space="preserve"> (workflow), ktorá umožňuje automatické dodržiavanie pravidiel pevne zadefinovaných procesov pri spracovaní a riadení dokumentov.</t>
    </r>
  </si>
  <si>
    <t>- Vytváranie a vybavenie spisov.</t>
  </si>
  <si>
    <t>- Možnosť riadenia pohybu záznamov a dokumentov v rámci spoločnosti - pridelenie podriadenému organizačnému útvaru alebo inému pracovníkovi oddelenia (s prihliadnutím na nastavenie oprávnení).</t>
  </si>
  <si>
    <t>- Možnosť evidovania súborov elektronickej pošty.</t>
  </si>
  <si>
    <t>- Možnosť vypĺňania polí v šablónach dokumentov metadátami záznamu.</t>
  </si>
  <si>
    <r>
      <t xml:space="preserve">- Možnosť </t>
    </r>
    <r>
      <rPr>
        <b/>
        <sz val="10"/>
        <rFont val="Arial"/>
        <family val="2"/>
        <charset val="238"/>
      </rPr>
      <t>elektronického podpisovania.</t>
    </r>
  </si>
  <si>
    <t>- Prehliadač elektronických XML správ zo slovensko.sk.</t>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zabezpečí, aby zdokumentované postupy boli z hľadiska správy a riadenia dokumentov a informácií dodržiavané.</t>
    </r>
  </si>
  <si>
    <t>3.6</t>
  </si>
  <si>
    <t>3.7</t>
  </si>
  <si>
    <t>Modul musí byť schopný generovať preddefinované dokumenty customizovane/vytvorené na mieru podľa nastavenia pre jednotlivcov v spoločnosti (príklad - systém po prihlásení užívateľa do systému a vyplnení dovolenkového lístka doplní meno, priezvisko, oddelenie a pracovnú pozíciu žiadateľa).</t>
  </si>
  <si>
    <t>3.8</t>
  </si>
  <si>
    <t>Modul musí mať možnosť pri jednotlivých procesoch zobraziť analytické dáta pre vybraných užívateľov (najmä administrátorov) ako sú napr. priemerný čas strávený v jednotlivých bodoch, u jednotlivých zamestnancov a pod.. Dané analytické dáta bude možné vyexportovať v súbore .CSV alebo obdobnom editovateľnom súbore.</t>
  </si>
  <si>
    <t>3.9</t>
  </si>
  <si>
    <t>Modul musí mať možnosť nastavenia automatizovaných notifikácií (email, aplikácia) užívateľov pri jednotlivých udalostiach (vytvorenie novej úlohy, neotvorenie, ignorácia zadania, čas a pod.), taktiež notifikovanie nadriadených.</t>
  </si>
  <si>
    <t>3.10</t>
  </si>
  <si>
    <t>3.11</t>
  </si>
  <si>
    <t>Požadované funkcionality modulu Workflow:</t>
  </si>
  <si>
    <t>3.11.1</t>
  </si>
  <si>
    <t>3.11.2</t>
  </si>
  <si>
    <t>- Sledovanie priebehu procesu.</t>
  </si>
  <si>
    <t>3.11.3</t>
  </si>
  <si>
    <t>- Možnosť náhľadu na workflow definície a ich plnenie.</t>
  </si>
  <si>
    <t>3.11.4</t>
  </si>
  <si>
    <t>- Možnosť správy workflow definícií oprávneným užívateľom.</t>
  </si>
  <si>
    <t>3.11.5</t>
  </si>
  <si>
    <t>- Členenie procesov na Aktívne a Ukončené.</t>
  </si>
  <si>
    <t>3.11.6</t>
  </si>
  <si>
    <t>- Sledovanie histórie workflow.</t>
  </si>
  <si>
    <t>3.12</t>
  </si>
  <si>
    <t>Mobilná aplikácia pre funkcionality Worfklow:</t>
  </si>
  <si>
    <t>3.12.1</t>
  </si>
  <si>
    <t>- Responzívny dizajn funkcionalít, určený pre možnosť realizácie schvaľovacích procesov WorkFlow prostredníctvom mobilných zariadení kdekoľvek a kedykoľvek.</t>
  </si>
  <si>
    <t>3.12.2</t>
  </si>
  <si>
    <t>- Rýchla kontrola prebratých zásielok voči čiarovým kódom.</t>
  </si>
  <si>
    <t>- Triedenie zásielok.</t>
  </si>
  <si>
    <t>- Prideľovanie záznamov spracovateľom.</t>
  </si>
  <si>
    <t>- Tlač doručovacieho hárka.</t>
  </si>
  <si>
    <t>- Skenovanie.</t>
  </si>
  <si>
    <t>- Import súborov.</t>
  </si>
  <si>
    <t>- Vyhľadávanie záznamov podľa vybraných kritérií.</t>
  </si>
  <si>
    <t>- Automatické triedenie zásielok na zásielky, ktoré sa zapisujú do poštového podacieho hárka a ostatné, prípadne podľa ďalších vlastných kritérií.</t>
  </si>
  <si>
    <t>- Spätná väzba spracovateľovi o stave spracovania zásielky.</t>
  </si>
  <si>
    <t>- Triedenie zásielok podľa ich aktuálneho stavu – prijaté, odoslané.</t>
  </si>
  <si>
    <t>- Možnosť odmietnutia prevzatia zásielky.</t>
  </si>
  <si>
    <t>Elektronické schránky ÚPVS (eSchránky):</t>
  </si>
  <si>
    <t>- Evidencia spisov odovzdávaných z príručnej registratúry do registratúrneho strediska aj s možnosťou využitia čiarových kódov.</t>
  </si>
  <si>
    <t>- Možnosť podrobnej evidencie obsahu jednotlivých ukladacích jednotiek (až na úroveň záznamu).</t>
  </si>
  <si>
    <t>- Možnosť evidovania samostatných ukladacích jednotiek ako aj možnosť samostatného evidovania ukladacích jednotiek vložených do boxov.</t>
  </si>
  <si>
    <t>- Možnosť samostatného evidovania mzdových listov a osobných spisov.</t>
  </si>
  <si>
    <t>- Vytvorenie lokačného plánu.</t>
  </si>
  <si>
    <t>- Možnosť vedenia evidencie ukladacích jednotiek v samostatných miestnostiach.</t>
  </si>
  <si>
    <t>- Možnosť využívania označenia spisov, záznamov a ukladacích jednotiek pomocou čiarových kódov (tlač preberacích, odovzdávacích a rozdielových zoznamov, vyhľadávanie).</t>
  </si>
  <si>
    <t>- Možnosť rýchleho vyhľadávania a lokalizácie prostredníctvom viacerých samostatných a kombinovateľných parametrov.</t>
  </si>
  <si>
    <t>- Riadenie výpožičiek - tlač výpožičných lístkov.</t>
  </si>
  <si>
    <t>- Rýchle zostavenie predbežných vyraďovacích zoznamov.</t>
  </si>
  <si>
    <t>- Podpora rýchleho vyraďovacieho konania.</t>
  </si>
  <si>
    <t>- Tlač štandardizovaných štítkov pre označenie ukladacích jednotiek.</t>
  </si>
  <si>
    <t>- Možnosť samostatnej evidencie personálnych a iných záznamov.</t>
  </si>
  <si>
    <t>- Možnosť vyradenia ukladacích jednotiek do koša.</t>
  </si>
  <si>
    <t>- Možnosť exportu, importu ukladacích jednotiek.</t>
  </si>
  <si>
    <t>- Podpora ďalších funkcionalít napr. vyhľadávanie lokácie na základe xls zoznamu, možnosť komunikácie s priemyselným snímač čiarových kódov, atď..</t>
  </si>
  <si>
    <t>Tlačové zostavy:
 - zoznam ukladacích jednotiek;
 - zoznam ukladacích jednotiek s alebo bez RZ;
 - štítky na šanón, boxy;
 - predbežný vyraďovací zoznam;
 - preberací/odovzdávací/porovnávací zoznam pre ukladaciu jednotku;
 - výpožičný lístok;
 - užívateľské zostavy podľa potrieb klienta.</t>
  </si>
  <si>
    <r>
      <t xml:space="preserve">- Vo </t>
    </r>
    <r>
      <rPr>
        <b/>
        <sz val="10"/>
        <rFont val="Arial"/>
        <family val="2"/>
        <charset val="238"/>
      </rPr>
      <t>verzii Tvorba a správa</t>
    </r>
    <r>
      <rPr>
        <sz val="10"/>
        <rFont val="Arial"/>
        <family val="2"/>
        <charset val="238"/>
      </rPr>
      <t xml:space="preserve"> umožňuje tvorbu riadených dokumentov, modelovanie procesov (návrh, pripomienkovanie, podpisovanie, tvorba dodatkov...), tvorbu aktualizovaných verzií, zverejnenie a/alebo stiahnutie dokumentu a/alebo jeho verzie z obehu, archivácia, naviazanie na registratúru, okamžitá správa dokumentov z jedného miesta, notifikáciu užívateľov.</t>
    </r>
  </si>
  <si>
    <r>
      <t xml:space="preserve">- Vo </t>
    </r>
    <r>
      <rPr>
        <b/>
        <sz val="10"/>
        <rFont val="Arial"/>
        <family val="2"/>
        <charset val="238"/>
      </rPr>
      <t>verzii Read only</t>
    </r>
    <r>
      <rPr>
        <sz val="10"/>
        <rFont val="Arial"/>
        <family val="2"/>
        <charset val="238"/>
      </rPr>
      <t xml:space="preserve"> umožňuje čítanie aktuálnej verzie riadeného dokumentu, ktorá bola zverejnená voči konkrétnemu užívateľovi, neumožňuje prístup k stiahnutým a/alebo neaktuálnym verziám dokumentu. Poskytuje prehľadnú formu len tých dokumentov, ktoré má mať daný pracovník k dispozícii.</t>
    </r>
  </si>
  <si>
    <t>- Elektronizácia procesu tvorby zmlúv, návrhy, pripomienkovanie, podpisovanie, tvorba dodatkov.</t>
  </si>
  <si>
    <t>- Rôzne úrovne prístupu k zmluve v el. podobe podľa prístupových práv.</t>
  </si>
  <si>
    <t>- Automatické číslovanie a kódovanie zmlúv, previazanie na registratúru.</t>
  </si>
  <si>
    <t>- Zverejnenie alebo stiahnutie dokumentu alebo jeho verzie z obehu.</t>
  </si>
  <si>
    <t>- Archivácia zmlúv v elektronickom archíve.</t>
  </si>
  <si>
    <t>- Okamžitá správa dokumentov z jedného miesta.</t>
  </si>
  <si>
    <t>- Notifikácia užívateľov.</t>
  </si>
  <si>
    <t>- Vyhľadávanie v zmluvách podľa rôznych kritérií.</t>
  </si>
  <si>
    <t>- Sledovanie a kontrola plnenia zmlúv - doba platnosti zmluvy, čiastkové plnenia, splátkový kalendár.</t>
  </si>
  <si>
    <t>- Možnosť definovania užívateľských metadát pre jednotlivé typy zmlúv.</t>
  </si>
  <si>
    <t>Ochrana osobných údajov, GDPR:</t>
  </si>
  <si>
    <t>- V moduloch Informačného systému musí byť funkčne zabezpečená ochrana osobných údajov v súlade s nariadením EU a rady 2016/679 – General Data Protection Regulation (GDPR) a zákona NR SR č. 18/2018 Z. z. o ochrane osobných údajov.</t>
  </si>
  <si>
    <t>- Definovanie zoznamu spracovávaných osobných údajov (jednorazovým naplnením číselníkov).</t>
  </si>
  <si>
    <t>- Určenie spôsobov použitia a účelu spracovania osobných údajov (jednorazovým naplnením číselníkov).</t>
  </si>
  <si>
    <t>- Vytváranie štatistík o spracovávaných osobných údajoch.</t>
  </si>
  <si>
    <t>- Zistenie neoprávnene evidovaných resp. nespracovávaných osobných údajov.</t>
  </si>
  <si>
    <t>- Priame vytvorenie ZIP súboru s heslom a jeho uloženie alebo odoslanie elektronickou poštou z prostredia dodaného Informačného systému.</t>
  </si>
  <si>
    <t>- Anonymizovanie - špeciálne šifrovanie častí textu v dokumentoch (napr. z celej strany „skrytie“ len riadku s osobnými či inak tajnými údajmi).</t>
  </si>
  <si>
    <t>Anonymizér:</t>
  </si>
  <si>
    <t>- Základné operácie - prehliadanie, zobrazovanie, ukladanie PDF súboru.</t>
  </si>
  <si>
    <t>- Anonymizovanie - „začierňovanie“ údajov v dokumente (manuálne alebo automatickým vložením značiek pre hromadný výber viacerých slov).</t>
  </si>
  <si>
    <t>- Vymazanie/prepísanie údajov z iných zdrojov (vlastnosti dokumentu, vložené prílohy, zdrojové údaje, metaúdaje XMP, podpisy).</t>
  </si>
  <si>
    <t>- Hromadné zmeny v celom dokumente.</t>
  </si>
  <si>
    <t>Obmedzený prístup:</t>
  </si>
  <si>
    <t>- Informačný systém musí umožniť označiť registratúrne záznamy, spisy alebo ukladacie jednotky, ku ktorým chce oprávnený používateľ obmedziť prístup (napr. z dôvodu ochrany osobných údajov), vrátane doby obmedzenia prístupu.</t>
  </si>
  <si>
    <t>Utajované záznamy:</t>
  </si>
  <si>
    <t>- Informačný systém musí zaistiť evidenciu utajovaných registratúrnych záznamov podľa Vyhlášky NBÚ č. 48/2019 Z. z..</t>
  </si>
  <si>
    <t>PDF konvertor:</t>
  </si>
  <si>
    <t>Elektronické podpisovanie:</t>
  </si>
  <si>
    <t>- Podpisovať musí byť možné aj v priebehu schvaľovacieho konania, v module Riadené dokumenty, pri príprave správy na odoslanie do ÚPVS.</t>
  </si>
  <si>
    <t>- Informačný systém musí umožniť minimálne dva typy Kvalifikovaných elektronických podpisov priamo z rozhrania programu:
  - vo formáte ASiC-E umožňujúci podpísanie viacerých dokumentov v jednom kontajneri,
  - vo formáte PAdES pre podpisovanie samostatných PDF súborov.</t>
  </si>
  <si>
    <t>Vstup ostatných dokumentov do Informačného systému:</t>
  </si>
  <si>
    <t>- Požadovaná je funkcionalita umožňujúca svojim používateľom jednotným spôsobom spravovať nielen dokumenty vstupujúce z centrálneho pracoviska, ale aj dokumenty všetkých typov z rôznych zdrojov, ktoré môžu do systému vkladať priamo na svojich pracoviskách.
- Požadované je poskytnúť užívateľovi na každom klientskom pracovisku nielen možnosť prehliadať oskenované dokumenty, ale aj evidovať a spravovať elektronickú poštu a prílohy správ, vytvárať nové dokumenty pomocou šablón a vykonávať v prípade potreby všetky dostupné funkcie nad elektronickým dokumentom, ktoré mu operačný systém umožňuje.</t>
  </si>
  <si>
    <r>
      <rPr>
        <b/>
        <sz val="10"/>
        <rFont val="Arial"/>
        <family val="2"/>
        <charset val="238"/>
      </rPr>
      <t>- Evidovanie správ elektronickej pošty</t>
    </r>
    <r>
      <rPr>
        <sz val="10"/>
        <rFont val="Arial"/>
        <family val="2"/>
        <charset val="238"/>
      </rPr>
      <t>, doručených priamo do poštovej schránky napr. v MS Outlook na pracovisku klienta, možnosť vstupu celej správy elektronickej pošty aj s prílohami, samotnej správy alebo len požadovaných príloh.</t>
    </r>
  </si>
  <si>
    <t>- Možnosť využívania elektronického podpisu, vrátane kvalifikovaného.</t>
  </si>
  <si>
    <t>- Vytváranie nových dokumentov pomocou šablón, resp. pomocou iných dokumentov uložených v systéme.</t>
  </si>
  <si>
    <t>- Prevod dokumentov do formátu PDF/A a iné funkcie určené pre spracovanie dokumentov.</t>
  </si>
  <si>
    <t>- Odosielanie dokumentov elektronickou poštou, pomocou formulárov MS Outlook a pod..</t>
  </si>
  <si>
    <t>- Dokumenty z iných aplikácií v rámci informačných systémov organizácie musí byť možné do DMS systému ukladať prostredníctvom definovaných rozhraní ako napr. COM, DCOM, COM/NET a NET/COM, SOAP a pod..</t>
  </si>
  <si>
    <t>Je požadované projektové riadenie implementácie a konfigurácie Informačného systému u Obstarávateľa a vytvorenie harmonogramu prípravných činností, služieb a nasadenia Informačného systému.</t>
  </si>
  <si>
    <r>
      <rPr>
        <b/>
        <sz val="10"/>
        <rFont val="Arial"/>
        <family val="2"/>
        <charset val="238"/>
      </rPr>
      <t>Stanovenie podmienok realizácie projektu:</t>
    </r>
    <r>
      <rPr>
        <sz val="10"/>
        <rFont val="Arial"/>
        <family val="2"/>
        <charset val="238"/>
      </rPr>
      <t xml:space="preserve">
- Dodávateľ vypracuje dokument definujúci organizačnú štruktúru projektu (Riaditeľ projektu, Vedúci projektu, Vedúci a členovia pracovných tímov) a komunikačné štandardy projektu.</t>
    </r>
  </si>
  <si>
    <r>
      <rPr>
        <b/>
        <sz val="10"/>
        <rFont val="Arial"/>
        <family val="2"/>
        <charset val="238"/>
      </rPr>
      <t>Harmonogram projektu:</t>
    </r>
    <r>
      <rPr>
        <sz val="10"/>
        <rFont val="Arial"/>
        <family val="2"/>
        <charset val="238"/>
      </rPr>
      <t xml:space="preserve">
- Dodávateľ vypracuje dokument definujúci podrobný časový, personálny a obsahový priebeh realizácie projektu.</t>
    </r>
  </si>
  <si>
    <r>
      <t xml:space="preserve">Dodávateľ vykoná u Obstarávateľa </t>
    </r>
    <r>
      <rPr>
        <b/>
        <sz val="10"/>
        <rFont val="Arial"/>
        <family val="2"/>
        <charset val="238"/>
      </rPr>
      <t>predimplementačnú analýzu</t>
    </r>
    <r>
      <rPr>
        <sz val="10"/>
        <rFont val="Arial"/>
        <family val="2"/>
        <charset val="238"/>
      </rPr>
      <t xml:space="preserve"> - analýzu klientskej problematiky. Zhodnotenie súčasného stavu správy agendy, stavu a charakteru vstupujúcich dokumentov, pracovných procesov pri príjme agendy, procesov a čiastkových činností jej spracovania na jednotlivých pracoviskách, zistenie požiadaviek na prípadnú customizáciu systému.</t>
    </r>
  </si>
  <si>
    <t>- Predimplementačná analýza je požadovaná formou interview pracovníkov jednotlivých pracovných tímov oboch strán.</t>
  </si>
  <si>
    <t>- Jednotlivé časti predimplementačnej analýzy a závery jednotlivých interview musia byť priebežne odsúhlasované oboma stranami.</t>
  </si>
  <si>
    <t>- Finálna verzia predimplementačnej analýzy musí byť daná k odsúhlaseniu a schválená Obstarávateľom.</t>
  </si>
  <si>
    <r>
      <t xml:space="preserve">Dodávateľ vykoná </t>
    </r>
    <r>
      <rPr>
        <b/>
        <sz val="10"/>
        <rFont val="Arial"/>
        <family val="2"/>
        <charset val="238"/>
      </rPr>
      <t xml:space="preserve">implementáciu a konfiguráciu </t>
    </r>
    <r>
      <rPr>
        <sz val="10"/>
        <rFont val="Arial"/>
        <family val="2"/>
        <charset val="238"/>
      </rPr>
      <t>Informačného systému a súvisiacej databázy u Obstarávateľa.</t>
    </r>
  </si>
  <si>
    <t>- Dodávateľ pripraví riešenia, vykoná inštaláciu a nastavenia Informačného systému podľa záverov vzájomne odsúhlasenej predimplementačnej analýzy – funkčná serverová časť, nainštaluje a nakonfiguruje Informačný systém a databázu u Obstarávateľa.
- Obstarávateľ k tomu pripraví hardvér a operačný systém MS Windows Server 2022 alebo vyšší, virtualizovaný na platforme VMware a databázu MS SQL Server 2022 alebo vyššiu.</t>
  </si>
  <si>
    <t>- Dodávateľ vykoná potrebnú podporu pri naplnení číselníkov dodávaného IS - podľa postupu a popisu dohodnutého v predimplementačnej analýze.</t>
  </si>
  <si>
    <t>- Dodávateľ pripraví a vytvorí všetky potrebné interface pre import údajov z existujúceho informačného registratúrneho systému a systému Intranet Obstarávateľa, ktoré môžu byť ďalej uchovávané a spracovávané dodávaným Informačným systémom. Dodávateľ vykoná potrebnú podporu a služby súvisiace s importom údajov z pôvodného IS do dodávaného IS.</t>
  </si>
  <si>
    <t>- Procesy Informačného systému budú riadené Workflow modulom spoločným pre celý dodávaný Informačný systém.</t>
  </si>
  <si>
    <t>- Dodávateľ realizuje customizáciu Informačného systému, jeho objektov a celkovú parametrizáciu systému.</t>
  </si>
  <si>
    <t>- Dodávateľ v priebehu implementácie komentuje a popisuje jednotlivé kroky pracovníkom Obstarávateľa a priebežne ich zaškoľuje pre prácu s IS a rutinnú administráciu.</t>
  </si>
  <si>
    <t>- Dodávateľ v priebehu implementácie IS vykoná priebežné dolaďovanie IS a dohľad na korektnú funkčnosť IS.</t>
  </si>
  <si>
    <r>
      <t xml:space="preserve">Požadovaná je </t>
    </r>
    <r>
      <rPr>
        <b/>
        <sz val="10"/>
        <rFont val="Arial"/>
        <family val="2"/>
        <charset val="238"/>
      </rPr>
      <t>testovacia prevádzka.</t>
    </r>
  </si>
  <si>
    <t>- Dodávateľ vykoná finálne overenie konverzie dát a programov rozhrania a uskutoční záťažové užívateľské testy.</t>
  </si>
  <si>
    <t>- Na základe testovacej prevádzky vytvorí Dodávateľ v spolupráci s Obstarávateľom stratégiu produktívneho štartu tak, aby následná rutinná prevádzka bola už plynulá a bezproblémová.</t>
  </si>
  <si>
    <t>- Update Informačného systému - Dodávateľ garantuje poskytovanie aktualizovaných verzií Informačného systému a súčasne formou update reaguje na legislatívny vývoj v SR.</t>
  </si>
  <si>
    <t>- Inštalácie informačného systému - služby odborne spôsobilého pracovníka Dodávateľa poskytnuté za účelom inštalácie a konfigurácie Informačného systému v rámci UPDATE. Služba inštalácie Informačného systému je požadovaná osobne na pracovisku Obstarávateľa, ak nie je vzájomne dohodnuté inak.</t>
  </si>
  <si>
    <t>- Logická kontrola dát - služby poskytnuté pre odhalenie chýb v dátových súboroch. Služba logickej kontroly dát je požadovaná odborne spôsobilým pracovníkom Dodávateľa na pracovisku Obstarávateľa alebo Dodávateľom pomocou vzdialeného prístupu alebo podľa dohody.</t>
  </si>
  <si>
    <t>- Servisné programátorské práce - služby poskytnuté pre odstránenie chýb v dátových súboroch. Poskytovanie služby je požadované na pracovisku Obstarávateľa alebo Dodávateľom pomocou vzdialeného prístupu alebo podľa dohody.</t>
  </si>
  <si>
    <t>Garancie:</t>
  </si>
  <si>
    <t>- Dodávateľ Informačného systému plne garantuje súlad IS s platnou legislatívou Slovenskej republiky. Zároveň sa zaväzuje k tomu, že bude do Informačného systému dopĺňať a dodávať zapracované legislatívne zmeny počas celej doby platnosti licencie a servisnej zmluvy klienta - minimálne po dobu 48 mesiacov od dňa prevzatia diela (Informačného systému).</t>
  </si>
  <si>
    <t>Service Desk:</t>
  </si>
  <si>
    <r>
      <rPr>
        <b/>
        <sz val="10"/>
        <rFont val="Arial"/>
        <family val="2"/>
        <charset val="238"/>
      </rPr>
      <t>Kritické aktualizácie:</t>
    </r>
    <r>
      <rPr>
        <sz val="10"/>
        <rFont val="Arial"/>
        <family val="2"/>
        <charset val="238"/>
      </rPr>
      <t xml:space="preserve">                                                                                                                                                            - Dodávateľ bude Obstarávateľa bezprostredne informovať v prípade, ak bude zistená alebo výrobcom oznámená kritická softvérová zraniteľnosť alebo softvérová aktualizácia pre dodanú infraštruktúru Informačného systému. Dodávateľ kritické aktualizácie aplikuje okamžite po schválení Obstarávateľom. Aktualizácie musia byť pred nasadením testované tak, aby sa predišlo neočakávaným zlyhaniam, ktoré by mohli negatívne ovplyvniť chod organizácie obstarávateľa.</t>
    </r>
  </si>
  <si>
    <t>Minimálne požiadavky na elektronický Informačný systém:</t>
  </si>
  <si>
    <t>- Zabezpečuje evidenciu, prehľadnosť a vzájomné prepojenie modulov vychádzajúcich z potreby pokrytia a vzájomného prepojenia jednotlivých pracovísk Obstarávateľa v rámci celej organizácie.</t>
  </si>
  <si>
    <t>- Umožňuje centrálnu evidenciu a spracovanie registratúrnych záznamov a spisov, sledovanie vybavenosti, odstupovanie, zdieľanie, ročné uzávierky, vyraďovacie konania a ďalšie súvisiace činnosti.</t>
  </si>
  <si>
    <t>- Zabezpečuje podmienky pre internú a externú elektronickú komunikáciu zadávateľa so štátnymi a inými inštitúciami, ktoré sú na to technicky pripravené.</t>
  </si>
  <si>
    <t>- Zabezpečuje automatizované prepojenie (komunikáciu) registratúry s elektronickými schránkami (modulmi) ÚPVS, tak aby bol zabezpečený užívateľský komfort pri súčasnom dodržaní zákonných povinností.</t>
  </si>
  <si>
    <t xml:space="preserve">- Dodaný Informačný systém musí mať certifikát o posúdení zhody elektronického informačného systému na správu registratúry podľa Výnosu MV SR č. 525/2011 Z. z. o štandardoch pre EIS na správu registratúry v znení Opatrenia MV SR č. 203/2021 Z. z. s výsledkami zhody „Informačný systém vykazuje zhodu s požiadavkami Výnosu Ministerstva vnútra Slovenskej republiky č. 525/2011 Z. z. o štandardoch pre elektronické informačné systémy na správu registratúry v znení Opatrenia Ministerstva vnútra Slovenskej republiky č. 203/2021 Z. z. s úrovňou hodnotenia - Vysoká úroveň“.  </t>
  </si>
  <si>
    <t>- Integrácia plnej funkčnosti registratúry, Dokument manažment systému (DMS) a procesného manažmentu (WorkFlow).</t>
  </si>
  <si>
    <t>- Možnosť nezávislej evidencie viacerých pracovísk (kliník, oddelení, útvarov) v jednej centrálnej databáze s rôznymi prístupovými právami s centrálnym zálohovaním.</t>
  </si>
  <si>
    <t>- Správa užívateľov/skupín užívateľov, pokročilá správa prístupových práv až na úroveň jednotlivých evidencií, prepojenie na identity management, hromadné prideľovanie a dedenie práv.</t>
  </si>
  <si>
    <t>- Autentifikácia užívateľov cez prihlasovacie údaje (meno a heslo), podpora LDAP serveru (MS Active Directory), možnosť Single sign - on (SSO).</t>
  </si>
  <si>
    <t>- Integrovaná tvorba dokumentov rôznych typov (vlastné vzorové šablóny písomností zadávateľa, formuláre a pod.).</t>
  </si>
  <si>
    <t>- Priama integrácia s produktmi MS Office vrátane prenosu údajov napr. do MS Outlook, Word, Excel.</t>
  </si>
  <si>
    <t>- Podpora exportu/importu údajov vrátane možnosti prepojenia na riešenia tretích strán.</t>
  </si>
  <si>
    <t>- Integrovaný skenovací modul a PDF editor.</t>
  </si>
  <si>
    <t>- Integrovaný prehliadač rôznych formátov obrázkov.</t>
  </si>
  <si>
    <t>- Integrovaný PDF prehliadač.</t>
  </si>
  <si>
    <t>- Integrovaná konverzia dokumentov a podpora formátov PDF/A-1a,b a PDF/A-2a,b.</t>
  </si>
  <si>
    <t>- Kvalifikované elektronické podpisovanie PDF/A dokumentov formátmi XAdES, PAdES, ASiC.</t>
  </si>
  <si>
    <t>- Podpora Drag &amp; Drop medzi systémom operačného systému a rozhraním aplikácií.</t>
  </si>
  <si>
    <t>- Možnosť evidovania neobmedzeného množstva záznamov, spisov, pripojených súborov k záznamom, špecializovaných evidencií, schvaľovacích procesov, šablón dokumentov, atď..</t>
  </si>
  <si>
    <t>- Presná evidencia a klasifikácia nových záznamov (prichádzajúca a odchádzajúca „pošta“) v papierovej alebo elektronickej forme (e-maily, správy z ÚPVS (slovensko.sk) a pod.).</t>
  </si>
  <si>
    <t>- Vedenie centrálneho registratúrneho denníka záznamov tak, aby obsahoval údaje o prijatí, pridelení, tvorbe, vybavení, odoslaní záznamov, zdieľaní, atď..</t>
  </si>
  <si>
    <t>- Správa neverejných spisov a záznamov.</t>
  </si>
  <si>
    <t>- Možnosť sledovať vybavenosť pridelených záznamov (ako, kedy, kým boli vybavené).</t>
  </si>
  <si>
    <t>- Automatické prepojenie s elektronickou schránkou ÚPVS – prijímanie aj odosielanie správ priamo zo systému, ich automatická evidencia a následné spisovanie.</t>
  </si>
  <si>
    <t>- Možnosť priameho čitateľného zobrazenia SKTALK správy prevzatej zo slovensko.sk (formuláre, prílohy) v zázname.</t>
  </si>
  <si>
    <t>- Možnosť priameho prepojenia s externým systémom cez API.</t>
  </si>
  <si>
    <t>- Možnosť zaručenej konverzie z listinnej do elektronickej podoby a z elektronickej do listinnej podoby.</t>
  </si>
  <si>
    <t>- Vyhľadávanie záznamov podľa evidovaných údajov v zázname, v spise (vec, odosielateľ, dátum, organizačný útvar, užívateľ, spôsob vybavenia, a pod.), vyhľadávanie pomocou klávesových skratiek.</t>
  </si>
  <si>
    <t>- Podpora zadávania a vyhľadávania podľa kľúčových slov.</t>
  </si>
  <si>
    <t>- Pokročilé možnosti vyhľadávania, vrátane obsahu dokumentov fulltextovo.</t>
  </si>
  <si>
    <t>- Možnosť k jednotlivým záznamom evidovaným v systéme pripájať viaceré naskenované dokumenty a iné súbory.</t>
  </si>
  <si>
    <t>- Verziovanie dokumentov, uchovávanie každej jednej verzie samostatne.</t>
  </si>
  <si>
    <t>- Možnosť jednoduchého vytvorenia odpovede na došlú zásielku.</t>
  </si>
  <si>
    <t>- Možnosť užívateľsky definovateľných metadát pre jednotlivé evidencie, vyhľadávanie na základe týchto metadát.</t>
  </si>
  <si>
    <t>- Automatické prideľovanie registratúrnej značky, znaku hodnoty a lehôt uloženia na základe Registratúrneho plánu.</t>
  </si>
  <si>
    <t>- Možnosť vyplnenia údajov systému na spisových obaloch a ich vytlačenia k novým / zaevidovaným záznamom / spisom.</t>
  </si>
  <si>
    <t>- Správa spisov - automatické prideľovanie čísla záznamu a čísla spisu, zaraďovanie záznamov do spisov, vybavovanie spisov, uzatváranie spisov, prenos neuzatvorených spisov na konci nového roku s novým číslom spisu, pričom sa vyznačí ich súvislosť s predchádzajúcimi spismi, ročný prehľad spisov a pod..</t>
  </si>
  <si>
    <t>- Zobrazovanie a tlač rôznych zostáv (napr. zoznamy záznamov ako výsledok vyhľadávania, ročný zoznam záznamov / spisov, menný register a pod.).</t>
  </si>
  <si>
    <t>- Možnosť vytvárania vlastných tlačových zostáv administrátorom systému.</t>
  </si>
  <si>
    <r>
      <t xml:space="preserve">- Integrovaná funkčne zabezpečená ochrana osobných údajov v súlade s nariadením EU a rady </t>
    </r>
    <r>
      <rPr>
        <sz val="10"/>
        <color theme="1"/>
        <rFont val="Arial"/>
        <family val="2"/>
        <charset val="238"/>
      </rPr>
      <t xml:space="preserve">2016/679 </t>
    </r>
    <r>
      <rPr>
        <sz val="10"/>
        <color theme="1"/>
        <rFont val="Calibri"/>
        <family val="2"/>
        <charset val="238"/>
        <scheme val="minor"/>
      </rPr>
      <t xml:space="preserve">– </t>
    </r>
    <r>
      <rPr>
        <sz val="10"/>
        <color theme="1"/>
        <rFont val="Arial"/>
        <family val="2"/>
        <charset val="238"/>
      </rPr>
      <t xml:space="preserve">General Data Protection Regulation </t>
    </r>
    <r>
      <rPr>
        <sz val="10"/>
        <rFont val="Arial"/>
        <family val="2"/>
        <charset val="238"/>
      </rPr>
      <t>(</t>
    </r>
    <r>
      <rPr>
        <sz val="10"/>
        <color theme="1"/>
        <rFont val="Arial"/>
        <family val="2"/>
        <charset val="238"/>
      </rPr>
      <t>GDPR</t>
    </r>
    <r>
      <rPr>
        <sz val="10"/>
        <rFont val="Arial"/>
        <family val="2"/>
        <charset val="238"/>
      </rPr>
      <t>)</t>
    </r>
    <r>
      <rPr>
        <sz val="10"/>
        <color theme="1"/>
        <rFont val="Arial"/>
        <family val="2"/>
        <charset val="238"/>
      </rPr>
      <t xml:space="preserve"> a Zákona NR SR č. 18/2018 Z. z. o ochrane osobných údajov.</t>
    </r>
  </si>
  <si>
    <t>- Definovanie prístupových práv zamestnancov k záznamom, spisom, evidenciám aj na základe organizačnej štruktúry.</t>
  </si>
  <si>
    <t>- Ochrana záznamov a informácií pred neoprávneným prístupom.</t>
  </si>
  <si>
    <t>- Delegovanie prístupových práv zo strany užívateľa na iného užívateľa (zastupovanie).</t>
  </si>
  <si>
    <t>- Možnosť sledovať procesy, termíny vybavovania záznamov, ako aj spätného prezerania celej histórie.</t>
  </si>
  <si>
    <t>- Možnosť vytvárania vlastných jednoduchých modifikácií vo vlastnej réžii bez objednávania služieb u dodávateľa (vytváranie tlačových zostáv, doplnenie metadát, vytvorenie a zmena schvaľovacích procesov, správa šablón dokumentov a pod.).</t>
  </si>
  <si>
    <t>- Správa číselníkov (registratúrny plán, spôsob vybavenia, skupiny užívateľov, adresár, ročníky,...).</t>
  </si>
  <si>
    <t>- Podpora vytvárania a správy špecializovaných evidencií ako riadené dokumenty (smernice), personálna evidencia, projektová evidencia a pod. bez obmedzenia ich počtu.</t>
  </si>
  <si>
    <t>- Možnosť podrobného logovania jednotlivých vykonaných úkonov v rôznych úrovniach až po úroveň zmien hodnôt v jednotlivých poliach.</t>
  </si>
  <si>
    <t>Ďalšie požadované možnosti:</t>
  </si>
  <si>
    <t>- Možnosť odovzdávania spisov, záznamov, súborov do registratúrneho strediska priamo zo systému evidencie spisov, záznamov, možnosť elektronického odovzdávania záznamov do registratúrneho strediska aj z iných systémov, možnosť manuálneho preberania písomností do registratúrneho strediska, preberanie ostatných špecializovaných agend.</t>
  </si>
  <si>
    <t>- Správa registratúrneho strediska, vedenie lokačného prehľadu, správa výpožičiek, sledovanie lehôt uloženia, tvorba predbežných vyraďovacích zoznamov, podpora vyraďovacieho konania.</t>
  </si>
  <si>
    <t>- Tvorba zoznamov a ich tlač v registratúrnom stredisku.</t>
  </si>
  <si>
    <t>- Vyhľadávanie podľa registratúrnej značky, odovzdávajúceho a pod..</t>
  </si>
  <si>
    <t>- Možnosť exportu spisov so znakom hodnoty „A“, o ktorých sa rozhodlo, že sú archívne dokumenty z registratúrneho strediska do príslušného štátneho archívu.</t>
  </si>
  <si>
    <t>- Vyhotovovanie skenovaných kópií v registratúrnom stredisku.</t>
  </si>
  <si>
    <t>- Vyplnenie a vytlačenie poštového podacieho hárku pre odosielanú „poštu“.</t>
  </si>
  <si>
    <t>- Integrovaný elektronický poštový podací hárok.</t>
  </si>
  <si>
    <t>- Možnosť anonymizácie potrebných údajov v dokumentoch, a tým predchádzanie ich zneužitiu.</t>
  </si>
  <si>
    <r>
      <t xml:space="preserve">- Prepojenie na </t>
    </r>
    <r>
      <rPr>
        <b/>
        <sz val="10"/>
        <rFont val="Arial"/>
        <family val="2"/>
        <charset val="238"/>
      </rPr>
      <t>centrálny register zmlúv</t>
    </r>
    <r>
      <rPr>
        <sz val="10"/>
        <rFont val="Arial"/>
        <family val="2"/>
        <charset val="238"/>
      </rPr>
      <t xml:space="preserve"> (automatické zverejňovanie).</t>
    </r>
  </si>
  <si>
    <t>- Tlač preberacích protokolov pri odovzdávaní „pošty“ v papierovej podobe užívateľovi.</t>
  </si>
  <si>
    <t>- Možnosť vrátenia zásielky do podateľne.</t>
  </si>
  <si>
    <t>- Integrované OCR pri evidovaní došlej pošty.</t>
  </si>
  <si>
    <t>- Integrované schvaľovacie procesy (Workflow) podľa užívateľsky definovateľných diagramov.</t>
  </si>
  <si>
    <r>
      <t xml:space="preserve">- Možnosť </t>
    </r>
    <r>
      <rPr>
        <b/>
        <sz val="10"/>
        <rFont val="Arial"/>
        <family val="2"/>
        <charset val="238"/>
      </rPr>
      <t>preukázateľného oboznamovania užívateľov s internou dokumentáciou.</t>
    </r>
  </si>
  <si>
    <t>- Možnosť užívateľského nastavenia vzhľadu systému, výber viditeľných stĺpcov a ich poradia.</t>
  </si>
  <si>
    <r>
      <t xml:space="preserve">- Minimálne </t>
    </r>
    <r>
      <rPr>
        <b/>
        <sz val="10"/>
        <rFont val="Arial"/>
        <family val="2"/>
        <charset val="238"/>
      </rPr>
      <t>dve referencie z prostredia Obstarávateľa</t>
    </r>
    <r>
      <rPr>
        <sz val="10"/>
        <rFont val="Arial"/>
        <family val="2"/>
        <charset val="238"/>
      </rPr>
      <t xml:space="preserve"> (znalosť problematiky nemocničných a medicínskych zariadení).</t>
    </r>
  </si>
  <si>
    <t>Špecifikácia technologických parametrov:</t>
  </si>
  <si>
    <t>- Prevádzkovanie systému bez ďalších dodatočných nákladov na licencie externých systémov.</t>
  </si>
  <si>
    <t>Informácie pre kalkuláciu ceny:</t>
  </si>
  <si>
    <t>- Počet zamestnancov: 925</t>
  </si>
  <si>
    <t>- Počet zamestnancov, ktorí majú na starosti registratúrne stredisko: 2</t>
  </si>
  <si>
    <t>- Približný objem odchádzajúcej korešpondencie za mesiac: 500</t>
  </si>
  <si>
    <t>- Približný objem došlej korešpondencie za mesiac: 2 000</t>
  </si>
  <si>
    <t>- Registratúrne stredisko - množstvo ukladacích jednotiek: cca 15 000</t>
  </si>
  <si>
    <t>Požaduje sa zároveň aj uzatvorenie osobitnej zmluvy o zabezpečení plnenia bezpečnostných opatrení a notifikačných povinností podľa zákona č. 69/2018 Z. z. o kybernetickej bezpečnosti a o zmene a doplnení niektorých zákonov v znení neskorších predpisov.</t>
  </si>
  <si>
    <t>technická telefonická podpora a poradenstvo pri prevádzkovaní prostredníctvom klientského pracoviska Dodávateľa v pracovných dňoch, min.8 hodín denne, pričom Dodávateľ musí garantovať funkčnosť a prevádzku klientskeho pracoviska.</t>
  </si>
  <si>
    <r>
      <rPr>
        <b/>
        <sz val="10"/>
        <color theme="1"/>
        <rFont val="Arial"/>
        <family val="2"/>
        <charset val="238"/>
      </rP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Návrh zmluvy o zmluvy o kybernetickej bezpečnosti</t>
  </si>
  <si>
    <t>Viď Príloha č.2 - Oznámenia o prípravnej trhovej konzultácii.</t>
  </si>
  <si>
    <t>- Responzívny dizajn pre možnosť schvaľovania na mobilnom zariadení k urýchleniu procesu spracovania všetkých typov agiend, napr. schválenie vedúcim, riaditeľom v mobilnom zariadení pre zrýchlenie procesu spracovania faktúry alebo iného dokumentu.</t>
  </si>
  <si>
    <t>nedodržanie lehoty príchodu servisného technika alebo nezačatie odstraňovania vady formou vzdialeného prístupu: 50 EUR (slovom: päťdesiat EUR) za každú začatú hodinu omeškania, najviac však do výšky 5% kúpnej ceny riešenia a to pre každý jednotlivý prípad omeškania Dodávateľa,</t>
  </si>
  <si>
    <t>nedodržanie dohodnutých lehôt na odstránenie vady: 50 EUR (slovom: päťdesiat EUR) za každú začatú hodinu omeškania, najviac však do výšky 5% kúpnej ceny zariadenia a to pre každý jednotlivý prípad omeškania Dodávateľa.</t>
  </si>
  <si>
    <t>Modul pre správu dokumentov (DMS) - hrubý klient - named users</t>
  </si>
  <si>
    <t>Modul pre správu dokumentov (DMS) - tenký klient - concurrent users</t>
  </si>
  <si>
    <t>Systémová administrácia - named users</t>
  </si>
  <si>
    <t>Modul Schvaľovacie a obehové procesy (Workflow)</t>
  </si>
  <si>
    <t>Modul pre správu a riadenie prichádzajúcej pošty</t>
  </si>
  <si>
    <t>Modul pre správu a riadenie odchádzajúcej pošty</t>
  </si>
  <si>
    <t>Modul Registratúrne stredisko</t>
  </si>
  <si>
    <t>Servisná podpora - v rámci predmetu dodávky o diela</t>
  </si>
  <si>
    <t>Položka č. 9</t>
  </si>
  <si>
    <t>Servisná podpora - nad rámec predmetu dodávky o dielo s možnosťou doobjednania podľa potreby</t>
  </si>
  <si>
    <t>licencia</t>
  </si>
  <si>
    <t>1.12</t>
  </si>
  <si>
    <t>- Jednotné miesto - globálny číselník pre tvorbu užívateľských prístupov prostredníctvom formulára alebo prepojením na AD, možnosť SSO (Single sign-on) do celého systému a všetkých jeho súčastí.</t>
  </si>
  <si>
    <t>1.13</t>
  </si>
  <si>
    <t>- Formulár pre vytvorenie prístupu pre užívateľa musí obsahovať položky: Užívateľské meno, Meno, Priezvisko, Titul pred menom, Titul za menom, E-mail, Telefón, Názov organizácie-zvoliť prostredníctvom výberu zo zoznamu organizácií uvedenom v číselníku, Oddelenie(z číselníka), Funkciu (z číselníka), Nadriadeného(z číselníka), Zástupcu(z číselníka), osobné číslo, check box: Vynútenie zmeny hesla po prvom prihlásení.</t>
  </si>
  <si>
    <t>1.14</t>
  </si>
  <si>
    <t>- Jednotné miesto - globálny číselník pre tvorbu Organizácií do celého systému a všetkých jeho súčastí.</t>
  </si>
  <si>
    <t>1.15</t>
  </si>
  <si>
    <t>- Formulár pre vytvorenie organizácie musí obsahovať položky: Názov spoločnosti, IČO, DIČ, Telefón, Telefón2, E-mail, Adresa, Kontaktné osoby.</t>
  </si>
  <si>
    <t>1.16</t>
  </si>
  <si>
    <t>- Jednotné miesto - globálny číselník pre tvorbu organizačnej štruktúry obsahujúce oddelenia, referáty, kliniky... .</t>
  </si>
  <si>
    <t>1.17</t>
  </si>
  <si>
    <t>- Jednotné miesto - globálny číselník pre tvorbu organizačnej štruktúry obsahujúce pracovné funkcie.</t>
  </si>
  <si>
    <t>1.18</t>
  </si>
  <si>
    <t>- Definícia šablón prístupových práv a bezpečnostných kategórii užívateľov, podľa ktorých je možné vytvoriť nových používateľov.</t>
  </si>
  <si>
    <t>1.19</t>
  </si>
  <si>
    <t>- Definícia práv pre užívateľov hromadne, alebo aplikovaním práv a bezpečnostných kategórii na skupinu užívateľov.</t>
  </si>
  <si>
    <t>1.20</t>
  </si>
  <si>
    <t>- Funkcionalita nad užívateľom alebo aj hromadne nad užívateľmi: Aktívny/Neaktívny používateľ, Reset hesla, Editovanie osobných informácii užívateľa (užívateľské meno, Meno, Priezvisko, titul.. atď. - t.j. všetky položky, ktoré sa zadávajú pri tvorbe užívateľa).</t>
  </si>
  <si>
    <t>1.21</t>
  </si>
  <si>
    <t xml:space="preserve">- Funkcia globálneho definovania politiky hesiel - minimálnej sily hesla a čas platnosti hesla pre všetkých užívateľov. Určovanie koľko znakov má mať heslo, či má obsahovať veľké/malé písmena, špeciálne znaky a čísla. </t>
  </si>
  <si>
    <t>1.22</t>
  </si>
  <si>
    <t>- Jednotné miesto - globálny číselník pre tvorbu užívateľských skupín do celého systému a všetkých jeho súčastí.</t>
  </si>
  <si>
    <t>1.23</t>
  </si>
  <si>
    <t>- Formulár užívateľských skupín má obsahovať Názov skupiny, popis skupiny, zoznam členov/užívateľov skupiny.</t>
  </si>
  <si>
    <t xml:space="preserve">Položka č.2 - Modul pre správu dokumentov (DMS) </t>
  </si>
  <si>
    <t>Modul DMS, určený pre každodenné spracovanie interných aj externých dokumentov vrátane priradzovania týchto dokumentov k záznamom a spisom (pre účely registratúry). S modulom DMS by mal mať možnosť pracovať každý používateľ (interný alebo externý), ktorý je spracovateľom určitej agendy a je teda potrebné zabezpečiť evidenciu údajov a dokumentov súvisiacich s agendou.</t>
  </si>
  <si>
    <t>- Modul DMS musí dokázať komunikovať na natívnej úrovni s databázovým serverom.</t>
  </si>
  <si>
    <t>- Modul DMS poskytuje úplný rozsah funkcií pre správu metadát ako aj samotných dokumentov rôznych typov.</t>
  </si>
  <si>
    <t>Základné pohľady Modulu DMS na spravované dokumenty:</t>
  </si>
  <si>
    <r>
      <rPr>
        <b/>
        <sz val="10"/>
        <rFont val="Arial"/>
        <family val="2"/>
        <charset val="238"/>
      </rPr>
      <t>- Na úrovni správy zákazníckej alebo personálnej dokumentácie</t>
    </r>
    <r>
      <rPr>
        <sz val="10"/>
        <rFont val="Arial"/>
        <family val="2"/>
        <charset val="238"/>
      </rPr>
      <t xml:space="preserve"> - pri výbere náhľadu na zoznam klientov sa po kliknutí na daného klienta okamžite zobrazia všetky dokumenty, ktoré boli z jeho strany odoslané ako aj dokumenty, ktoré mu boli doručené alebo iným spôsobom.
Túto funkčnosť musí byť možné rozširovať na základe konkrétnych podmienok, aby bolo možné vytvoriť napr. elektronický menný register partnerov, klientov alebo personálnu agendu.</t>
    </r>
  </si>
  <si>
    <t>Workflow (WF) musí byť zabezpečený vlastnou vstavanou funkcionalitou a musí byť schopný naviazať sa aj na externý WF systém a na mailové systémy MS Outlook, Kerio Connect, prípadne aj na MS Exchange.</t>
  </si>
  <si>
    <t>Pre prístup do Informačného systému je požadovaná možnosť využívať doménové nastavenia.</t>
  </si>
  <si>
    <t>Požadované vlastnosti Modulu DMS:</t>
  </si>
  <si>
    <t>- Vytváranie dokumentov rôznych formátov (napr. MS Word, zvukových, skenovaných) a ich pričlenenie k záznamom.</t>
  </si>
  <si>
    <t>- Možnosť evidovania elektronických správ z ÚVPS (slovensko.sk) priamo z rozhrania modulu bez použitia občianskych preukazov.</t>
  </si>
  <si>
    <t>- Možnosť elektronického podpisovania priamo v rozhraní modulu.</t>
  </si>
  <si>
    <t>- Odosielanie záznamov (zápisov) do Modulov pre správu a riadenie prichádzajúcej odchádzajúcej pošty a sledovanie ich aktuálneho stavu.</t>
  </si>
  <si>
    <r>
      <rPr>
        <b/>
        <sz val="10"/>
        <rFont val="Arial"/>
        <family val="2"/>
        <charset val="238"/>
      </rPr>
      <t>Tenký klient modulu</t>
    </r>
    <r>
      <rPr>
        <sz val="10"/>
        <rFont val="Arial"/>
        <family val="2"/>
        <charset val="238"/>
      </rPr>
      <t xml:space="preserve"> - možnosť vybavená vybranými funkcionalitami, ktoré bežní užívatelia využívajú najčastejšie. Funkcionalita vhodná pre väčší počet štandardných používateľov. To znamená, používateľov, ktorí riešia dennú agendu s dôrazom na vybavenie, odpovedanie, vytváranie spisov atď..
Požadovaný je formou webovej aplikácie hosťovanej napr. na aplikačnom serveri IIS 7.5 a vyššie.
</t>
    </r>
    <r>
      <rPr>
        <b/>
        <sz val="10"/>
        <rFont val="Arial"/>
        <family val="2"/>
        <charset val="238"/>
      </rPr>
      <t>Funkcionality tohto modulu:</t>
    </r>
  </si>
  <si>
    <t>- Vytváranie dokumentov rôznych formátov a ich pričlenenie k záznamom.</t>
  </si>
  <si>
    <t>- Odosielanie záznamov (zápisov) do modulu pre správu a riadenie odchádzajúcej pošty a sledovanie ich aktuálneho stavu (prevzatie v module, dátum odoslania).</t>
  </si>
  <si>
    <t>- Možnosť vyhľadávania a zadávania žiadosti o výpožičky dokumentov z Registratúrneho strediska.</t>
  </si>
  <si>
    <t>2.19</t>
  </si>
  <si>
    <t>Úlohy a plánovanie jednotlivých akcií nad záznamami a dokumentami v DMS.</t>
  </si>
  <si>
    <t>2.19.1</t>
  </si>
  <si>
    <t>- Možnosť jednoduchého zadávania úloh a akcií nad záznamami a dokumentami ako sú napr. pripomienkovanie, oboznamovanie sa, schvaľovanie, s možnosťou zadania požadovaného termínu splnenia s tým, že je možné vykonať kroky týchto procesov súčasne viacerými užívateľmi v jednom čase.</t>
  </si>
  <si>
    <t>2.19.2</t>
  </si>
  <si>
    <t>- Možnosť vytvárania šablón pre základné procesy ako sú pripomienkovanie, schvaľovanie, oboznamovanie pre vybrané skupiny užívateľov.</t>
  </si>
  <si>
    <t>2.19.3</t>
  </si>
  <si>
    <t>- Notifikácia pre užívateľov o požiadavke na splnenie úlohy alebo spätnú reakciu priamo v DMS alebo cez emailovú správu.</t>
  </si>
  <si>
    <t>2.19.4</t>
  </si>
  <si>
    <t>- Možnosť prehľadného zobrazenia o stave úloh a procesov.</t>
  </si>
  <si>
    <t>Položka č.3 - Modul Schvaľovacie a obehové procesy (Workflow)</t>
  </si>
  <si>
    <t>Modul Workflow je nástroj na zadefinovanie všeobecných procesov a schvaľovacích procesov bez obmedzenia počtu workflow-ov.</t>
  </si>
  <si>
    <t>Súčasťou modulu musí byť vizualizačný nástroj pre bežných používateľov na zadávanie diagramu schvaľovacích (workflow) procesov v grafickej podobe - zakresľovanie automatizovaných procesov obehu a schvaľovacích procedúr firemných dokladov a dokumentácie.</t>
  </si>
  <si>
    <t>3.2</t>
  </si>
  <si>
    <t>Modul musí byť schopný vytvoriť procesy, pri ktorých je potrebné prejsť postupne viacerými krokmi (30 a viac), pričom pri jednotlivých krokoch sú možné opakovania jednotlivého procesu, zadávanie podmienok na základe číselných atribútov a/alebo slovných atribútov. Tieto kroky môžu smerovať ako do hĺbky procesu, tak aj do šírky samotného procesu.</t>
  </si>
  <si>
    <t>3.3</t>
  </si>
  <si>
    <t>Modul musí byť schopný napárovať sa na ActiveDirectory spoločnosti, pričom bude schopný fungovať na základe organizačnej štruktúry a prideľovať v rámci procesu jednotlivé požiadavky na schvaľovanie nadriadeným zamestnancom podľa potreby.</t>
  </si>
  <si>
    <t>3.4</t>
  </si>
  <si>
    <t>Modul musí byť schopný využiť ukončenie jedného procesu ako spúšťač (trigger) na ďalší proces a vytváranie opakujúcich sa úloh.</t>
  </si>
  <si>
    <t>3.5</t>
  </si>
  <si>
    <t>Modul musí byť schopný tvorby formulárov na mieru ako nástroj na digitalizáciu procesov a dokumentov.</t>
  </si>
  <si>
    <t>Modul musí byť schopný v určených krokoch procesu využívať elektronický podpis a aj kvalifikovaný elektronický podpis, najmä ale nie len u štatutárov spoločnosti.</t>
  </si>
  <si>
    <t>Modul musí mať možnosť do procesu zapojiť externých užívateľov prostredníctvom schvaľovacieho procesu cez online prístup (web aplikácia) a/alebo prostredníctvom odpovede na email.</t>
  </si>
  <si>
    <t>- Akciu workflow procesu je možné spustiť na akomkoľvek evidovanom dokumente, zázname alebo spise.</t>
  </si>
  <si>
    <t>3.13</t>
  </si>
  <si>
    <t>Modul Workflow musí byť integrálnou súčasťou dodaného Informačného systému, musí pracovať priamo s dátami dodaného riešenia, bez nutnosti medzikrokov, importov / exportov.</t>
  </si>
  <si>
    <t>3.14</t>
  </si>
  <si>
    <t>Modul Workflow musí byť použiteľný pre zaškolených používateľov Objednávateľa tak, aby v ňom mohli definovať a modifikovať workflow aj bez pomoci dodávateľa IS.</t>
  </si>
  <si>
    <t>Položka č.4 - Modul pre správu a riadenie prichádzajúcej pošty</t>
  </si>
  <si>
    <t>V module sa zaznamenávajú všetky typy doručených papierových zásielok, ako aj informácii prichádzajúcich z iných zdrojov (sken, zvuk, video, fotografie, e-mail atď.) do spoločnosti.</t>
  </si>
  <si>
    <t>Požadované funkcionality modulu pre správu a riadenie prichádzajúcej pošty:</t>
  </si>
  <si>
    <r>
      <t>- Evidencia elektronických správ z ÚPVS (</t>
    </r>
    <r>
      <rPr>
        <b/>
        <sz val="10"/>
        <rFont val="Arial"/>
        <family val="2"/>
        <charset val="238"/>
      </rPr>
      <t>slovensko.sk</t>
    </r>
    <r>
      <rPr>
        <sz val="10"/>
        <rFont val="Arial"/>
        <family val="2"/>
        <charset val="238"/>
      </rPr>
      <t xml:space="preserve">) na základe eID prístupu alebo plnej integrácie Informačného systému k portálu </t>
    </r>
    <r>
      <rPr>
        <b/>
        <sz val="10"/>
        <rFont val="Arial"/>
        <family val="2"/>
        <charset val="238"/>
      </rPr>
      <t>slovensko.sk</t>
    </r>
  </si>
  <si>
    <t>- Používanie centrálneho adresára pôvodcov s prepojením na 
RPO (register právnických osôb), FinStat.sk a pod., kde sa prostredníctvom IČO overia a doplnia údaje pôvodcu Schopný rozlišovať fyzické osoby a právnické osoby. V prípade fyzických osôb rozlišovať zamestnancov, spolupracujúce osoby a zamestnancov partnerov, ktorí nejakým spôsobom vstupujú do vnútorných procesov verejného obstarávateľa.</t>
  </si>
  <si>
    <t>- Možnosť tvorby elektronických súborov ľubovoľného typu priamo v tomto module, ich pripojenie k záznamu (zápisu) a odoslanie do DMS pre oddelenia alebo konkrétnych spracovateľov.</t>
  </si>
  <si>
    <t>- Zadanie metadát k záznamom a spisom.</t>
  </si>
  <si>
    <t>- Evidencia elektronickej pošty musí byť zabezpečená ako v tomto module, tak aj v module DMS.</t>
  </si>
  <si>
    <t>4.1.13</t>
  </si>
  <si>
    <t>- Okrem evidencie externého čísla pôvodcu dokumentu aj evidencia vlastného interného čísla s tým, že pri zadaní interného čísla sa vykoná kontrola duplicity tohto čísla.</t>
  </si>
  <si>
    <t>4.1.14</t>
  </si>
  <si>
    <t>- Evidencia počtu listov a príloh.</t>
  </si>
  <si>
    <t>4.1.15</t>
  </si>
  <si>
    <t>Položka č.5 - Modul pre správu a riadenie odchádzajúcej pošty</t>
  </si>
  <si>
    <t>Modul pre správu a riadenie odchádzajúcej pošty slúži na zaistenie evidencie odosielaných zásielok a vytvorenie poštového podacieho hárku v papierovej podobe alebo tzv. EPH – elektronický poštový hárok.</t>
  </si>
  <si>
    <t>Požadované funkcionality modulu:</t>
  </si>
  <si>
    <t>- Záznamy, ktoré sú evidované v module DMS a majú byť odoslané nie je potrebné osobitne zapisovať do tohto modulu. Vybavovatelia ich do Modulu pre správu a riadenie odchádzajúcej pošty zasielajú priamo z Modulu DMS.</t>
  </si>
  <si>
    <t>- Vytvorenie poštového podacieho hárku v papierovej podobe alebo tzv. EPH - elektronický poštový hárok prostredníctvom XML súboru.</t>
  </si>
  <si>
    <t>Položka č.6 - Modul Registratúrne stredisko</t>
  </si>
  <si>
    <t>- Modul Registratúrne stredisko je určený pre správcu (správcov) registratúrneho strediska (archívu). Pracujú s ním určení používatelia, ktorí majú na základe vnútrofiremnej smernice oprávnenie vstupovať do registratúrneho strediska, dohľadávať záznamy požadované ostatnými pracovníkmi, poskytnúť uložené záznamy ako výpožičky, zabezpečovať vyraďovacie konanie v súlade s platnou legislatívou, atď.</t>
  </si>
  <si>
    <t>6.11</t>
  </si>
  <si>
    <t>6.12</t>
  </si>
  <si>
    <t>- Podpora vyhľadávania a zadávania žiadosti o výpožičky zo strany všetkých užívateľov Informačného systému.</t>
  </si>
  <si>
    <t>6.13</t>
  </si>
  <si>
    <t>6.14</t>
  </si>
  <si>
    <t>6.15</t>
  </si>
  <si>
    <t>6.16</t>
  </si>
  <si>
    <t>6.17</t>
  </si>
  <si>
    <t>6.18</t>
  </si>
  <si>
    <t>Položka č.8 - Servisná podpora - vrámci predmetu dodávky diela</t>
  </si>
  <si>
    <t>Súčasťou dodávky diela je aj záväzok Dodávateľa poskytovať obstarávateľovi služby technickej podpory, pre systémy, zariadenia a software, ktoré sú predmetom zmluvy počas 48 mesiacov odo dňa prevzatia diela (Informačného systému).</t>
  </si>
  <si>
    <t>- Analytické práce a konzultácie - služby odborne spôsobilého pracovníka Dodávateľa, poskytnuté za účelom odborného riešenia problematiky spojené s prevádzkou Informačného systému. Požadované je, aby analytické a konzultačné služby boli poskytované osobne na pracovisku Obstarávateľa alebo podľa dohody. Odhadovaný minimálny mesačný objem 10 hodín.</t>
  </si>
  <si>
    <t>- Školenie užívateľov - služby odborne spôsobilého pracovníka Dodávateľa, poskytnuté za účelom zoznámenia pracovníkov Obstarávateľa so všeobecnými alebo novými funkčnými vlastnosťami Informačného systému. Služby školenia používateľov majú byť poskytované na pracovisku Obstarávateľa, prípadne v školiacom stredisku Dodávateľa alebo podľa dohody. Odhadovaný minimálny ročný objem 16 hodín.</t>
  </si>
  <si>
    <t>- Služba Vzdialenej správy - služba garantuje poskytnutie servisnej podpory bez fyzickej prítomnosti servisného technika Dodávateľa v mieste sídla Obstarávateľa, formou vzdialeného prístupu do počítačovej siete Obstarávateľa, prostredníctvom Internetu alebo iným, dohodnutým spôsobom. Servisná podpora prostredníctvom vzdialenej správy je poskytovaná do dohodnutej doby reakcie. Dobou reakcie sa rozumie doba medzi prijatím požiadavky a začiatkom riealizácie prác Servisnej podpory.</t>
  </si>
  <si>
    <t>- Upgrade a update produktov Informačného systému zahŕňa podľa rozhodnutia Dodávateľa zlepšenia Informačného systému, legislatívne úpravy a legislatívne zvyklosti vyplývajúce z aktuálnej spoločenskej praxe. Požaduje sa upgrade a update produktov Informačného systému, ktorý udržuje produkt na aktuálnej technologickej úrovni a zahŕňa i všeobecné požiadavky portfólia užívateľov Informačného systému.</t>
  </si>
  <si>
    <t>- Incident management na predmet dodávky podľa priority s dostupnosťou 8 hodín počas pracovných dní, s nasledovnými reakčnými dobami:</t>
  </si>
  <si>
    <t>Priorita 1 - spravidla, ak je situácia veľmi naliehavá a prevádzkové problémy znemožňujú používanie informačného systému (IS); t. j. nie je zabezpečená elektronická komunikácia a tok dát IS Objednávateľa a neexistuje postup pre náhradné riešenie problému použitím bežných postupov v kompetencii správcu systému. Takéto prevádzkové problémy sú riešené z obidvoch strán s najvyššou prioritou a v riešení sa pokračuje až pokiaľ nie je dosiahnutá funkčnosť tej úrovne, ktorá bola pred nastaním incidentu. Nahlásenie takéhoto incidentu sa uskutoční aj telefonicky
TTO (Time To Own) = 1 hod, TTR (Time To Resolve) = 6 hod</t>
  </si>
  <si>
    <t>8.3.3</t>
  </si>
  <si>
    <t>Priorita 2 - spravidla pre incidenty, obmedzujúce používanie IS pre skupinu užívateľov a spôsobujúce významné problémy pri používaní, avšak sú prekonateľné dočasným náhradným postupom. Takéto incidenty sú riešené z obidvoch strán s najvyššou prioritou a v riešení sa pokračuje až pokiaľ nie je dosiahnutá funkčnosť tej úrovne, ktorá bola pred nastaním Incidentu. Nahlásenie takéhoto incidentu sa uskutoční aj telefonicky.
TTO (Time To Own) = 1 hod, TTR (Time To Resolve) = NBD (Next Business Day)</t>
  </si>
  <si>
    <t>8.3.4</t>
  </si>
  <si>
    <t>8.3.5</t>
  </si>
  <si>
    <t>8.3.6</t>
  </si>
  <si>
    <t>- Dostupnosť Service Desku je počas pracovných dní, min. 8 hodín denne, v čase min. od 8:00 - 16:00 hod.:
  - Service Desk musí byť prevádzkovaný v Slovenskej republike.
  - Service Desk zabezpečuje vytváranie a evidenciu všetkých hlásených a vygenerovaných ticketov a sledovanie ich životného cyklu.</t>
  </si>
  <si>
    <r>
      <rPr>
        <b/>
        <sz val="10"/>
        <rFont val="Arial"/>
        <family val="2"/>
        <charset val="238"/>
      </rPr>
      <t>ADM (Account Delivery Manager):</t>
    </r>
    <r>
      <rPr>
        <sz val="10"/>
        <rFont val="Arial"/>
        <family val="2"/>
        <charset val="238"/>
      </rPr>
      <t xml:space="preserve">
  - vyžadovaný je pracovník Dodávateľa priamo zodpovedný za zabezpečovanie plnenia Zmluvy.</t>
    </r>
  </si>
  <si>
    <t>Položka č. 9 - Servisná podpora - nad rámec predmetu dodávky o dielo s možnosťou doobjednania podľa potreby</t>
  </si>
  <si>
    <t>Požadujeme možnosť doobjednania licencií a služieb nad rámec dodávky diela. Predovšetkým dokúpenie licencií v prípade zmeny počtu užívateľov, konzultačné služby, školenia a ostatné služby súvisiace s prevádzkovaním dodaného diela.</t>
  </si>
  <si>
    <t>10.1</t>
  </si>
  <si>
    <t>10.1.1</t>
  </si>
  <si>
    <t>- Možnosť evidovať správy eSchránky tzv. ručnou metódou na základe prihlásenia pomocou eID. Táto možnosť môže byť zabezpečená s využitím integrovaného internetového prehliadača do modulov informačného systému. Integrácia musí umožňovať evidovanie elektronických správ zo schránky priamo do modulov informačného systému.</t>
  </si>
  <si>
    <t>10.1.2</t>
  </si>
  <si>
    <r>
      <t xml:space="preserve">- Možnosť evidencie správ eSchránky v Informačnom systéme </t>
    </r>
    <r>
      <rPr>
        <b/>
        <sz val="10"/>
        <rFont val="Arial"/>
        <family val="2"/>
        <charset val="238"/>
      </rPr>
      <t>plnou integráciou</t>
    </r>
    <r>
      <rPr>
        <sz val="10"/>
        <rFont val="Arial"/>
        <family val="2"/>
        <charset val="238"/>
      </rPr>
      <t xml:space="preserve"> na základe tzv. Dohody o integračnom zámere (DIZ) s ÚPVS. Možnosť využiť už podpísanú DIZ Dodávateľa Informačného systému (IS) a pripojiť sa na základe dodatku k DIZ Dodávateľa tohto IS.</t>
    </r>
  </si>
  <si>
    <t>10.1.3</t>
  </si>
  <si>
    <t>- Pri plnej integrácii sa automatizovaným spôsobom evidujú doručené správy, vytvárajú nové správy, odosielajú správy do schránky, realizuje sa párovanie doručeniek, automatické zaspisovanie správ atď..</t>
  </si>
  <si>
    <t>10.1.4</t>
  </si>
  <si>
    <t>Správy doručené do schránky ÚPVS sú v stanovených časových intervaloch sťahované modulom Synchronizér, bežiacom na serveri Obstarávateľa do databázy REGISUPVS. Modul Synchronizér pre tento účel komunikuje prostredníctvom modulu ÚPVS. Services s webovými službami portálu slovensko.sk.</t>
  </si>
  <si>
    <t>10.1.5</t>
  </si>
  <si>
    <t>Informačný systém obsahuje funkcionalitu, ktorej úlohou je dať klientovi možnosť pripraviť si správu „off line“, aby nebolo nutné každú jednu správu vyplňovať vo webovom prostredí stránky slovensko.sk, alebo zložito programovať každý jeden typ elektronického formuláru s transformovaním do požadovaného formátu. Takto má byť možné prostredníctvom tejto funkcionality zabezpečiť prípravu, vypĺňanie a aj odoslanie správ aj s položkami z externých systémov.
V rámci tejto funkcionality je požadované:
- vytvorenie nového formulára pre podanie na základe príslušnej triedy s kontrolou platnosti aktuálnej verzie formulára.
- po vyplnení formulára sa zaistí kontrola správnosti jeho vyplnenia.
- po vykonaní kontroly prevedie formulárom vytvorené eDoc.xml do tzv. natívneho dátového XML súboru a tento pripraví na elektronické podpísanie.
- umožní podpísanie formulára podania kvalifikovaným elektronickým podpisom spracovateľa.
- odošle podpísaný elektronický formulár do centrálnej elektronickej podateľne ÚPVS na prebalenie podpisu do tzv. T-Formy a pripojí kvalifikovanú časovú pečiatku.
- umožní pridať k formuláru prílohy vo formáte PDF.
- podpísať prílohy PDF kvalifikovaným elektronickým podpisom.
- odoslať prílohy na prebalenie do T-Formy do centrálnej podateľne ÚPVS a ich opatrenie kvalifikovanou časovou pečiatkou.
- z podpísaného formulára a príloh vytvorí kontajner správy ÚPVS v predpísanom formáte.
- pripraví podanie pre prepravu pomocou správy SKTalk a odošle cez UPVS.Services do schránky ÚPVS adresáta.
- Kompletná správa je uložená v informačnom systéme ako súbor a je možné zobraziť obsah týchto súborov. Spracovanie je tým pádom úplne jednotné ako pri spracovaní iných súborov. Tzn. po pripravení a sfinalizovaní podania, si užívateľ zvolí súbor a odošle do schránky ÚPVS. Tak informačný systém zaistí jeho odoslanie a prepojenie s budúcimi rozhodnutiami a ostatnými správami, ktoré sa v tejto veci v budúcnosti vyskytnú.</t>
  </si>
  <si>
    <t>10.1.6</t>
  </si>
  <si>
    <t>- Informačný systém musí poskytovať všetky možnosti na vytváranie všetkých štandardných typov elektronických dokumentov (v MS Word, MS Excel atď.) vrátane skenovania a evidencie elektronickej pošty z Kerio Connect klienta alebo z MS Outlooku.</t>
  </si>
  <si>
    <t>10.2</t>
  </si>
  <si>
    <t>Funkcionalita pre Riadené dokumenty – zmluvy, smernice a pod. (verzie Tvorba a správa a Read – only):</t>
  </si>
  <si>
    <t>10.2.1</t>
  </si>
  <si>
    <t>10.2.2</t>
  </si>
  <si>
    <t>10.2.3</t>
  </si>
  <si>
    <t>10.2.4</t>
  </si>
  <si>
    <t>10.2.5</t>
  </si>
  <si>
    <t>10.2.6</t>
  </si>
  <si>
    <t>10.2.7</t>
  </si>
  <si>
    <t>10.2.8</t>
  </si>
  <si>
    <t>10.2.9</t>
  </si>
  <si>
    <t>10.2.10</t>
  </si>
  <si>
    <t>10.2.11</t>
  </si>
  <si>
    <t>10.2.12</t>
  </si>
  <si>
    <t>10.2.13</t>
  </si>
  <si>
    <t>- Možnosť prípravy verzie zmluvy na zverejnenie na CRZ.</t>
  </si>
  <si>
    <t>10.3</t>
  </si>
  <si>
    <t>10.3.1</t>
  </si>
  <si>
    <t>10.3.2</t>
  </si>
  <si>
    <t>- Po naplnení číselníkov, ktoré majú byť jednoducho aplikované počas evidencie dokumentov v DMS je požadovaný dokonalý prehľad o tom, ktoré osobné údaje, z akých zákonných, či iných závažných dôvodov sú uchovávané Obstarávateľom, akým spôsobom a v akej agende spoločnosti sú spracovávané.</t>
  </si>
  <si>
    <t>10.3.3</t>
  </si>
  <si>
    <t>10.3.4</t>
  </si>
  <si>
    <t>10.3.5</t>
  </si>
  <si>
    <t>10.3.6</t>
  </si>
  <si>
    <t>10.3.7</t>
  </si>
  <si>
    <t>10.3.8</t>
  </si>
  <si>
    <t>10.4</t>
  </si>
  <si>
    <t>10.4.1</t>
  </si>
  <si>
    <t>- Od Anonymizéra požadujeme odstrániť vybraný text s citlivými údajmi v dokumente uloženom v Informačnom systéme. Slúži na reálnu anonymizáciu dokumentov s programovateľným rozhraním pre hromadné „začierňovanie“ anonymizovaných polí. Táto funkcionalita je určená najmä pre vybraných užívateľov, ktorí pracujú s dokumentáciou obsahujúcou osobné údaje a túto dokumentáciu zdieľajú s inými užívateľmi, ktorí nemajú oprávnenia pre spracúvanie osobných údajov.</t>
  </si>
  <si>
    <t>10.4.2</t>
  </si>
  <si>
    <t>10.4.3</t>
  </si>
  <si>
    <t>10.4.4</t>
  </si>
  <si>
    <t>10.4.5</t>
  </si>
  <si>
    <t>10.5</t>
  </si>
  <si>
    <t>10.5.1</t>
  </si>
  <si>
    <t>10.6</t>
  </si>
  <si>
    <t>10.6.1</t>
  </si>
  <si>
    <t>10.7</t>
  </si>
  <si>
    <t>10.7.1</t>
  </si>
  <si>
    <t>- Funkcionalita PDF konvertor umožňuje konverziu ľubovoľného dokumentu do formátu PDF/A predpísaného pre komunikáciu so štátom. Mal by byť súčasťou modulu DMS.</t>
  </si>
  <si>
    <t>10.8</t>
  </si>
  <si>
    <t>10.8.1</t>
  </si>
  <si>
    <t>- Funkcionalita elektronického podpisovania nad ľubovoľným dokumentom – musí byť integrálnou súčasťou modulu DMS.</t>
  </si>
  <si>
    <t>10.8.2</t>
  </si>
  <si>
    <t>10.8.3</t>
  </si>
  <si>
    <t>10.9</t>
  </si>
  <si>
    <t>10.9.1</t>
  </si>
  <si>
    <t>10.9.2</t>
  </si>
  <si>
    <t>10.9.3</t>
  </si>
  <si>
    <t>10.9.4</t>
  </si>
  <si>
    <t>- Dokumenty z aplikácií MS OFFICE musí byť možné ukladať do DMS priamo pomocou ovládacích Add-In prvkov z rozhraní aplikácií MS OFFICE.</t>
  </si>
  <si>
    <t>10.9.5</t>
  </si>
  <si>
    <t>10.9.6</t>
  </si>
  <si>
    <t>- Systém musí byť možné rozšíriť aj o funkcie OCR/ICR/OMR/OBR, zaistenie spracovania telefonických hovorov a zvukových záznamov. Spracovaný dokument sa automaticky prenesie do systémového priečinka podľa workflow.</t>
  </si>
  <si>
    <t>10.9.7</t>
  </si>
  <si>
    <t>10.9.8</t>
  </si>
  <si>
    <t>10.9.9</t>
  </si>
  <si>
    <t>10.10</t>
  </si>
  <si>
    <t>10.10.1</t>
  </si>
  <si>
    <t>10.10.2</t>
  </si>
  <si>
    <t>10.10.3</t>
  </si>
  <si>
    <t>10.10.4</t>
  </si>
  <si>
    <t>10.10.5</t>
  </si>
  <si>
    <t>10.10.6</t>
  </si>
  <si>
    <t>10.10.7</t>
  </si>
  <si>
    <t>10.10.8</t>
  </si>
  <si>
    <t>10.10.9</t>
  </si>
  <si>
    <t>10.10.10</t>
  </si>
  <si>
    <t>10.10.11</t>
  </si>
  <si>
    <t>10.10.12</t>
  </si>
  <si>
    <t>10.10.13</t>
  </si>
  <si>
    <t>10.10.14</t>
  </si>
  <si>
    <t>10.10.15</t>
  </si>
  <si>
    <t>10.10.16</t>
  </si>
  <si>
    <t>10.10.17</t>
  </si>
  <si>
    <t>10.10.18</t>
  </si>
  <si>
    <t>10.10.19</t>
  </si>
  <si>
    <t>10.10.20</t>
  </si>
  <si>
    <t>- Modulárne riešenie jednotlivých činností (správa dokumentov, workflow, evidencia prichádzajúcej a odchádzajúcej pošty, registratúrny denník, registratúrne stredisko, atď.).</t>
  </si>
  <si>
    <t>10.10.21</t>
  </si>
  <si>
    <t>10.10.22</t>
  </si>
  <si>
    <t>10.10.23</t>
  </si>
  <si>
    <t>10.10.24</t>
  </si>
  <si>
    <t>10.10.25</t>
  </si>
  <si>
    <t>10.10.26</t>
  </si>
  <si>
    <t>10.10.27</t>
  </si>
  <si>
    <t>10.10.28</t>
  </si>
  <si>
    <t>10.10.29</t>
  </si>
  <si>
    <t>10.10.30</t>
  </si>
  <si>
    <t>10.10.31</t>
  </si>
  <si>
    <t>10.10.32</t>
  </si>
  <si>
    <t>10.10.33</t>
  </si>
  <si>
    <t>10.10.34</t>
  </si>
  <si>
    <t>- Funkcionalita - Interná pošta - Výmena správ a dokumentov medzi zamestnancami a oddeleniami</t>
  </si>
  <si>
    <t>10.10.35</t>
  </si>
  <si>
    <t>10.10.36</t>
  </si>
  <si>
    <t>10.10.37</t>
  </si>
  <si>
    <t>10.10.38</t>
  </si>
  <si>
    <t>10.10.39</t>
  </si>
  <si>
    <t>10.10.40</t>
  </si>
  <si>
    <t>10.10.41</t>
  </si>
  <si>
    <t>10.10.42</t>
  </si>
  <si>
    <t>10.10.43</t>
  </si>
  <si>
    <t>10.10.44</t>
  </si>
  <si>
    <t>10.10.45</t>
  </si>
  <si>
    <t>10.10.46</t>
  </si>
  <si>
    <t>10.10.47</t>
  </si>
  <si>
    <t>10.10.48</t>
  </si>
  <si>
    <t>10.10.49</t>
  </si>
  <si>
    <t>- Možnosť importu a exportu číselníkov (užívatelia, organizačná štruktúra, registratúrny plán, adresár).</t>
  </si>
  <si>
    <t>10.10.50</t>
  </si>
  <si>
    <t>10.10.51</t>
  </si>
  <si>
    <t>10.10.52</t>
  </si>
  <si>
    <t>- Prepojenie s ERP systémom SOFTIP Profit, SAP a pod. prostredníctvom API.</t>
  </si>
  <si>
    <t>10.11</t>
  </si>
  <si>
    <t>10.11.1</t>
  </si>
  <si>
    <t>10.11.2</t>
  </si>
  <si>
    <t>10.11.3</t>
  </si>
  <si>
    <t>10.11.4</t>
  </si>
  <si>
    <t>10.11.5</t>
  </si>
  <si>
    <t>10.11.6</t>
  </si>
  <si>
    <t>10.11.7</t>
  </si>
  <si>
    <t>10.11.8</t>
  </si>
  <si>
    <t>10.11.9</t>
  </si>
  <si>
    <t>10.11.10</t>
  </si>
  <si>
    <t>10.11.11</t>
  </si>
  <si>
    <t>10.11.12</t>
  </si>
  <si>
    <t>10.11.13</t>
  </si>
  <si>
    <t>10.11.14</t>
  </si>
  <si>
    <t>10.11.15</t>
  </si>
  <si>
    <t>- Grafický návrhár schvaľovacích (Workflow) procesov, možnosť definovania a editácie šablón schvaľovacích procesov priamo oprávnenými užívateľmi.</t>
  </si>
  <si>
    <t>10.11.16</t>
  </si>
  <si>
    <t>10.11.17</t>
  </si>
  <si>
    <t>- Pripomienkovanie akýchkoľvek dokumentov, nielen podľa vopred určeného diagramu, ale aj podľa vlastného nadefinovaného zoznamu užívateľov, s pomocou ad hoc výberu schvaľovateľov a ich poradia.</t>
  </si>
  <si>
    <t>10.11.18</t>
  </si>
  <si>
    <t>- Možnosť automatickej evidencie mailov do DMS a následné automatické spustenie schvaľovacích procesov nad takýmito záznamami.</t>
  </si>
  <si>
    <t>10.11.19</t>
  </si>
  <si>
    <t>10.11.20</t>
  </si>
  <si>
    <t>10.11.21</t>
  </si>
  <si>
    <t>- Chybové hlášky zobrazovať v slovenskom jazyku, tak aby boli zrozumiteľné pre bežného používateľa.</t>
  </si>
  <si>
    <t>10.11.22</t>
  </si>
  <si>
    <t>- Hromadná aktualizácia všetkých klientov na všetkých zariadeniach z jedného miesta.</t>
  </si>
  <si>
    <t>10.11.23</t>
  </si>
  <si>
    <t>- Integrácia - prenos a aktualizácie údajov o zamestnancoch z informačného systému SOFTIP, SAP.</t>
  </si>
  <si>
    <t>10.11.24</t>
  </si>
  <si>
    <t>- Možnosť nastavenia vlastných prefixov pri evidencii záznamu s automatickým generovaním čísla záznamu.</t>
  </si>
  <si>
    <t>10.11.25</t>
  </si>
  <si>
    <t xml:space="preserve"> - Užívateľsky priateľské vyhľadávanie a filtrovanie aj v strede slova bez nutnosti použitia špeciálnych znakov naprieč celým systémov a vo všetkých moduloch.</t>
  </si>
  <si>
    <t>10.11.26</t>
  </si>
  <si>
    <t>- Možnosť nastavenia vlastného predvoleného dátumu vybavenia pri evidencii záznamov.</t>
  </si>
  <si>
    <t>10.11.27</t>
  </si>
  <si>
    <t>- Časová pečiatka a prehľad histórie záznamu každého kroku (prečítaný, zmenený, vytvorený...).</t>
  </si>
  <si>
    <t>10.11.28</t>
  </si>
  <si>
    <t>- Zobrazovanie aktuálneho stavu pri úlohách napríklad (pred termínom, blíži sa koniec termínu, po termíne... ).</t>
  </si>
  <si>
    <t>10.12</t>
  </si>
  <si>
    <t>10.12.1</t>
  </si>
  <si>
    <t>- Aplikácia typu hrubý alebo tenký klient.</t>
  </si>
  <si>
    <t>10.12.2</t>
  </si>
  <si>
    <t>- Klient prevádzkovateľný na systémoch MS Windows 10, MS Windows 11.</t>
  </si>
  <si>
    <t>10.12.3</t>
  </si>
  <si>
    <t>- Server prevádzkovateľný na operačných systémoch Windows Server 2022 a novšie verzie.</t>
  </si>
  <si>
    <t>10.12.4</t>
  </si>
  <si>
    <t>- Otvorený systém s existujúcou možnosťou prepojenia na iné systémy tretích strán cez vstavané API.</t>
  </si>
  <si>
    <t>10.12.5</t>
  </si>
  <si>
    <t>- Databáza kompatibilná s databázovým systémom Obstarávateľa - MS SQL.</t>
  </si>
  <si>
    <t>10.12.6</t>
  </si>
  <si>
    <t>- Jednoduchý systém aplikácie upgrade, update a bezpečnostných záplat.</t>
  </si>
  <si>
    <t>10.12.7</t>
  </si>
  <si>
    <t>10.12.8</t>
  </si>
  <si>
    <t>- Možnosť ukladania dokumentov priamo v databáze, možnosť šifrovania databázy.</t>
  </si>
  <si>
    <t>10.12.9</t>
  </si>
  <si>
    <t>- Za účelom hospodárneho využívania úložného priestoru, kde je umiestnená hlavná databáza, možnosť presunu dokumentov, s ktorými sa už aktívne nepracuje z hlavnej databázy do archívnej databázy (umiestnenej na odlišnom úložisku) s tým, že bežný užívateľ pristupuje k týmto dokumentom tým istým spôsobom bez ohľadu, či sú tieto dokumenty uložené v hlavnej databáze alebo archívnej databáze.</t>
  </si>
  <si>
    <t>10.13</t>
  </si>
  <si>
    <t>10.13.1</t>
  </si>
  <si>
    <t>10.13.2</t>
  </si>
  <si>
    <t>- Počet zamestnancov na pracovisku, kde sa zapisuje prijatá a odoslaná pošta: 5</t>
  </si>
  <si>
    <t>10.13.3</t>
  </si>
  <si>
    <t>- Počet zamestnancov, ktorí na dennej báze vytvárajú a spracovávajú rôzne dokumenty, spisy, sú spracovateľmi jednotlivých záznamov, spisov, posielajú ich na pripomienkovanie, schvaľujú, atď.: 15 užívateľov.</t>
  </si>
  <si>
    <t>10.13.4</t>
  </si>
  <si>
    <t>- Počet zamestnancov, ktorí občasne vytvárajú dokumenty, ale väčšinou sú len príjimateľmi informácií, dokumentov, za účelom oboznámenia sa s nimi, ich preukázateľným prijatím na vedomie, prípadne na vyjadrenie sa k nim, alebo sú súčasťou schvaľovacieho procesu: 40 užívateľov</t>
  </si>
  <si>
    <t>10.13.5</t>
  </si>
  <si>
    <t>10.13.6</t>
  </si>
  <si>
    <t>10.13.7</t>
  </si>
  <si>
    <t>10.13.8</t>
  </si>
  <si>
    <t>Požaduje sa uzatvorenie Zmluvy o dielo, súčasne s licenčnými podmienkami a podmienkami poskytovania služieb servisnej podpory.</t>
  </si>
  <si>
    <t>Požaduje sa zároveň aj uzatvorenie osobitnej zmluvy o spracúvaní osobných údajov podľa zákona č. 18/2018 Z. z. o ochrane osobných údajov a o zmene a doplnení niektorých zákonov a Nariadenia Európskeho parlamentu a Rady (EÚ) č. 2016/679 o ochrane fyzických osôb pri spracúvaní osobných údajov a o voľnom pohybe takýchto údajov, ktorým sa zrušuje smernica 95/46/ES (všeobecné nariadenie o ochrane údajov), ktorou kupujúci ako prevádzkovateľ poverí predávajúceho ako sprostredkovateľa spracúvaním osobných údajov za účelom zasielania pravidelných reportov o bezpečnostných incidentoch a hrozbách, ktoré sa udejú u prevádzkovateľa.</t>
  </si>
  <si>
    <t>Požaduje sa dodanie diela v súlade s Technickou špecifikáciou predmetu zákazky, ktorá tvorí neoddeliteľnú súčasť tejto zmluvy, a to:</t>
  </si>
  <si>
    <t>do 6 kalendárnych mesiacov od dňa nadobudnutia účinnosti zmluvy, resp. odo dňa doručenia Oznámenia o splnení objednávateľom stanovených podmienok a požiadaviek na predmet zákazky dodávateľovi (ďalej len "Oznámenie"),</t>
  </si>
  <si>
    <t>v pracovných dňoch v čase od 08:00 hod. do 16:00 hod.,</t>
  </si>
  <si>
    <t>do sídla Objednávateľa na vlastné náklady, pričom konkrétne miesto dodania - pracovisko Objednávateľa a zodpovedná osoba Objednávateľa budú Dodávateľovi písomne upresnené po uzavretí zmluvného vzťahu. Ak charakter dodávky alebo jej časti umožňuje online dodanie, je prípustná aj táto možnosť.</t>
  </si>
  <si>
    <t>Prevzatie dodaného diela je Objednávateľ povinný Dodávateľovi písomne potvrdiť na dodacom liste alebo preberacom protokole. Jedna kópia dodacieho listu alebo preberacieho protokolu ostáva Objednávateľovi. V prípade uplatnenia oprávnenej výhrady Objednávateľa pri dodaní predmetu zmluvy, ostáva predmet zmluvy vo vlastníctve Dodávateľa až do doby, kým Dodávateľ neodstráni prekážku, ktorá bráni Objednávateľovi predmet zákazky riadne prevziať. Objednávateľ nadobudne vlastnícke právo vždy až po zaplatení celej odplaty za plnenie dohodnuté v zmluve.</t>
  </si>
  <si>
    <t>Objednávateľ si vyhradzuje právo prevziať iba dielo spĺňajúce všetky technické vlastnosti uvedené v Technickej špecifikácií predmetu zákazky, ktoré je funkčné, bez zjavných vád, dodané v kompletnom stave a v požadovanom množstve. V opačnom prípade si Objednávateľ vyhradzuje právo nepodpísať dodací list, neprevziať dodané dielo a nezaplatiť cenu za riadne nedodané dielo.</t>
  </si>
  <si>
    <r>
      <t>Požaduje sa, aby počas plnenia zmluvy bol Dodávateľ autorizovaný a certifikovaný na dodávku, inštaláciu a servis diela</t>
    </r>
    <r>
      <rPr>
        <sz val="10"/>
        <color rgb="FFFF0000"/>
        <rFont val="Arial"/>
        <family val="2"/>
        <charset val="238"/>
      </rPr>
      <t>.</t>
    </r>
  </si>
  <si>
    <t>Ak sa počas trvania zmluvy preukáže, že dielo alebo niektorá časť diela nie je v súlade s požadovanými vlastnosťami uvedenými v Technickej špecifikácii predmetu zákazky a/alebo vlastnosťami uvedenými v predloženom prospektovom materiále a/alebo v predloženom certifikáte a/alebo sa Dodávateľ takéto dielo pokúsi dodať, Objednávateľ je oprávnený uplatniť si u Dodávateľa zmluvnú pokutu v sume 2 % z ceny diela, minimálne však 500 EUR (slovom: päťsto EUR), za každé také porušenie. Uplatnením zmluvnej pokuty nie je dotknutý nárok Objednávateľa na náhradu škody.</t>
  </si>
  <si>
    <t>Súčasťou záväzku dodávateľa je zároveň poskytnutie písomných dokladov potrebných pre riadne a bezchybné použitie vykonaného diela na stanovený účel, a to najmä, no nie len výlučne: návod na použitie v slovenskom alebo anglickom jazyku, záručný list, preberací (akceptačný) protokol, inštalačný protokol, protokol o odbornom zaškolení zamestnancov Objednávateľa s obsluhou.</t>
  </si>
  <si>
    <t>Súčasťou dodania diel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Objednávateľovi Licenciu k dodávanému dielu nevýhradnú v neobmedzenom časovom i teritoriálnom rozsahu na celú dobu autorskoprávnej ochrany predmetného diela a v najširšom možnom rozsahu v zmysle § 19 ods. 4 Autorského zákona (s výnimkou obchodného účelu použitia diela). </t>
  </si>
  <si>
    <t>Objednávateľ nadobúda dňom úplného zaplatenia ceny za dielo podľa tejto Zmluvy vlastnícke právo k médiu, na ktorom bolo dielo dodané, ak bolo dodané na médiu. Odmena za poskytnutie licencie je zahrnutá v cene diela.</t>
  </si>
  <si>
    <t>Nadobúdateľ je oprávnený používať dielo neobmedzene, upravovať ho a rozširovať bez ďalšieho súhlasu dodávateľa.</t>
  </si>
  <si>
    <t>Objednávateľ je oprávnený po ukončení zmluvy v časti poskytovania servisnej podpory výlučne na svoje vlastné potreby zmeniť alebo inak použiť dielo sám alebo prostredníctvom tretej osoby bez osobitného súhlasu zhotoviteľa, pričom na tieto účely je oprávnený udeliť tretej osobe sublicenciu v rozsahu udelenej licencie.</t>
  </si>
  <si>
    <t>Dodávateľ sa zaväzuje, že ním vykonané dielo nebude zaťažené právom tretej osoby, bude bez akýchkoľvek právnych vád. V prípade zistenia právnych vád je dodávateľ povinný bezodkladne zjednať nápravu tak, aby právny stav diela nenarušoval práva tretích osôb. Dodávateľ je zároveň v tomto prípade povinný uhradiť všetky náklady, pokuty a iné sankcie, ktoré vzniknú z uplatnených nárokov tretích osôb z dôvodu porušenia ich práv.</t>
  </si>
  <si>
    <t>Dodávateľ je pred podpisom preberacieho protokolu na vyžiadanie Objednávateľa povinný odovzdať Objednávateľovi zdrojové kódy so všetkými závislými komponentami, ktoré sú plne funkčne schopné na nasadenie do vývojového prostredia, všetky potrebné údaje, súbory a popis riešenia týkajúce sa diela. Dodávateľ poskytne Objednávateľovi všetky údaje v nekryptovanom zdrojovom kóde. Tieto zdrojové kódy Dodávateľ odovzdá na DVD ale USB nosiči v zaheslovanom súbore typu 7zip. Heslo k zaheslovanému súboru bude odovzdané v samostatnej zapečatenej obálke. Dodávateľ je zároveň povinný odovzdať Objednávateľovi aj prístupové kódy k dodanému softvéru.</t>
  </si>
  <si>
    <t>S poukazom na to, že Dodávateľ môže pri vykonaní diela použiť aj preexistentný softvér, dohodli sa zmluvné strany na nasledovných definíciách a úprave autorských práv a licencií k preexistentnému softvéru: "Preexistentný propietárny softvér" je softvér, ktorý spĺňa nasledovné požiadavky:
- nie je/nebol vyrábaný/dodávaný na základe špecifických potrieb Objednávateľa
- v podobe akej je ponúkaný na trhu je bez väčších úprav jeho vlastností a prvkov aj dodávaný/vyrábaný/uskutočňovaný pre Objednávateľa
- v podobe akej je dodávaný/vyrábaný/uskutočňovaný pre Objednávateľa je dodávaný/vyrábaný aj pre spotrebiteľov a iné subjekty na trhu.</t>
  </si>
  <si>
    <t>15.1</t>
  </si>
  <si>
    <t xml:space="preserve">Pokiaľ Dodávateľ pri plnení tejto Zmluvy ako súčasť diela použije (spravidla spracovaním) preexistentný proprietárny softvér, v takomto prípade dodávateľ je povinný zabezpečiť pre Objednávateľa oprávnenie používať preexistentný softvér v súlade s osobitnými licenčnými podmienkami tretej strany, pričom tieto licencie musia Objednávateľovi umožňovať užívať dodané dielo, a to aj s ohľadom na jeho prípadné úpravy zrealizované na základe podmienok o poskytovaní služieb servisnej podpory, v rozsahu a s funkčnosťou stanovenou touto zmluvou, a to najmenej počas doby 48 kalendárnych mesiacov od odovzdania a prevzatia diela, dodávateľ je povinný zabezpečiť Objednávateľovi kvalitatívne zodpovedajúci ekvivalent pôvodných licencií, a to aj zmluvou. Ak sú s použitím preexistentného softvéru (resp. jeho ekvivalentu), služieb podpory k nemu v rozsahu, v akom sú nevyhnutné, či iných súvisiacich plnení spojené akékoľvek poplatky, je Dodávateľ povinný ich riadne uhradiť, pričom tieto náklady sú obsiahnuté v cene diela, ak špecifické ustanovenie v tejto zmluve neustanovuje inak. </t>
  </si>
  <si>
    <t>Cena za predmet zmluvy je cenou konečnou a maximálnou. Dodatky k Zmluve, ktoré navyšujú cenu predmetu zmluvy, môžu byť uzatvorené len v súlade so Zmluvou a Zákonom o verejnom obstarávaní.</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 xml:space="preserve">Požaduje sa v zmysle § 340b ods. 5 zákona č. 513/1991 Z. z. Obchodného zákonníka v znení neskorších predpisov splatnosť faktúry v lehote 60 kalendárnych dní odo dňa jej doručenia Objednávateľovi. </t>
  </si>
  <si>
    <t>Dodávateľ je oprávnený vystavovať faktúry za Položku č. 8 (Servisná podpora) vo výške paušálnej odmeny, resp. alikvotnej platby za mesiac, a to vždy k poslednému dňu príslušného kalendárneho mesiaca. 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 Prvú faktúru je oprávnený vystaviť až po odovzdaní a prevzatí diela.</t>
  </si>
  <si>
    <t>Cena za dielo zahŕňa aj služby spojené s jeho dodaním, t. j. zabezpečenie dopravy do dohodnutého miesta dodania, dopravu Dodávateľa do miesta dodania diela a späť, ako aj všetky ostatné náklady Dodávateľa vynaložené v súvislosti s dodaním diela Objednávateľovi, uvedením do prevádzky (inštaláciou), zaškolením zamestnancov Objednávateľa, poskytnutím užívateľskej dokumentácie, poskytnutím hardvéru a licencie k nim, prevodom vlastníctva na Objednávateľa.</t>
  </si>
  <si>
    <t>Cena za služby servisnej starostlivosti zahŕňa aj služby spojené s ich poskytnutím, t. j. dopravu Dodávateľa do miesta poskytnutia služby a späť, ako aj všetky ostatné náklady Dodávateľa vynaložené v súvislosti s poskytnutím služby Objednávateľovi.</t>
  </si>
  <si>
    <t xml:space="preserve">Dodávateľ poskytuje na dodané dielo komplexnú záruku v trvaní 48 kalendárnych mesiacov odo dňa, kedy je dielo riadne a včas dodané Objednávateľovi. Uvedenie informačného systému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dielo využívané na účel, na ktorý je určený, a to z dôvodov, na ktoré sa vzťahuje záruka. </t>
  </si>
  <si>
    <t>Komplexná záruka predstavuje súbor opatrení, ktoré bude v rámci ceny vykonávať Dodávateľ autorizovaným servisom po dobu trvania záručnej doby za účelom bezporuchovej prevádzky a za účelom udržania všetkých parametrov uvedených v technickej špecifikácii predmetu zákazky. Objednávateľ si vyhradzuje právo, v prípade potreby, vyžiadať od Dodávateľa predloženie dokladu, prostredníctvom ktorého preukáže oprávnenosť vykonávať autorizovaný servis. Opatreniami sa rozumie najmä, nie však výlučne:</t>
  </si>
  <si>
    <t>24.1</t>
  </si>
  <si>
    <t>24.2</t>
  </si>
  <si>
    <t>24.3</t>
  </si>
  <si>
    <t>24.4</t>
  </si>
  <si>
    <t>práce (servisné hodiny) a dojazdy servisných technikov Dodávateľa do miesta inštalácie v rámci zabezpečenia záručného servisu, ktorý ak to je možné, môže byť vykonaný aj online,</t>
  </si>
  <si>
    <t>24.5</t>
  </si>
  <si>
    <t>24.6</t>
  </si>
  <si>
    <t>Služby technickej podpory na dodané dielo musia byť poskytované Dodávateľom:</t>
  </si>
  <si>
    <t>minimálne po dobu 48 kalendárnych mesiacov od protokolárneho prevzatia diela Objednávateľom,</t>
  </si>
  <si>
    <t>25.2</t>
  </si>
  <si>
    <t>s nástupom na servis a riešenie servisných požiadaviek Objednávateľa podľa priority s dostupnosťou 8 hodín počas pracovných dní, s nasledovnými reakčnými dobami:</t>
  </si>
  <si>
    <t>25.2.1</t>
  </si>
  <si>
    <t>25.2.2</t>
  </si>
  <si>
    <t>25.2.3</t>
  </si>
  <si>
    <t>25.2.4</t>
  </si>
  <si>
    <t>26</t>
  </si>
  <si>
    <t>Dodávateľ je povinný nastúpiť na odstránenie vady a túto vadu odstrániť a uviesť dielo do bežnej prevádzky v mieste inštalácie zariadenia podľa priority a termínov uvedených v bodoch 25.2.1-25.2.4. V prípade nedodržania niektorej z uvedených lehôt, má Objednávateľ právo požadovať od Dodávateľa za každé jedno porušenie zmluvnú pokutu za nedodržanie lehôt spojených so zárukou v nasledujúcej výške:</t>
  </si>
  <si>
    <t>26.1</t>
  </si>
  <si>
    <t>26.2</t>
  </si>
  <si>
    <t>Objednávateľ je oprávnený vadu, ktorú zistí na dodanom diele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30.</t>
  </si>
  <si>
    <t>31.</t>
  </si>
  <si>
    <t>32.</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od zmluvy odstúpiť. Účinky odstúpenia nastanú dňom doručenia oznámenia druhej Zmluvnej strane.</t>
  </si>
  <si>
    <t>33.</t>
  </si>
  <si>
    <r>
      <rPr>
        <b/>
        <sz val="10"/>
        <color theme="1"/>
        <rFont val="Arial"/>
        <family val="2"/>
        <charset val="238"/>
      </rPr>
      <t>Potvrdenie výrobcu</t>
    </r>
    <r>
      <rPr>
        <sz val="10"/>
        <color theme="1"/>
        <rFont val="Arial"/>
        <family val="2"/>
        <charset val="238"/>
      </rPr>
      <t xml:space="preserve"> (resp. iný doklad), prostredníctvom ktorého uchádzač jednoznačne preukáže, že je autorizovaný a certifikovaný na dodávku, inštaláciu, implementáciu a servis diela. Pre dodávané riešenie Dodávateľ zároveň dodá zoznam certifikovaných / odborne kvalifikovaných pracovníkov, ktorí budú vykonávať implementáciu a servis diela. Objednávateľ požaduje predloženie vyššie uvedených dokladov z dôvodu, aby Dodávateľ preukázal schopnosť realizácie predmetu zákazky.</t>
    </r>
  </si>
  <si>
    <r>
      <rPr>
        <b/>
        <sz val="10"/>
        <color theme="1"/>
        <rFont val="Arial"/>
        <family val="2"/>
        <charset val="238"/>
      </rPr>
      <t>Doklady</t>
    </r>
    <r>
      <rPr>
        <sz val="10"/>
        <color theme="1"/>
        <rFont val="Arial"/>
        <family val="2"/>
        <charset val="238"/>
      </rPr>
      <t xml:space="preserve"> preukazujúce, že uchádzač má zavedený systém manažérstva kvality a to prostredníctvom platnej certifikácie podľa noriem</t>
    </r>
    <r>
      <rPr>
        <b/>
        <sz val="10"/>
        <color theme="1"/>
        <rFont val="Arial"/>
        <family val="2"/>
        <charset val="238"/>
      </rPr>
      <t xml:space="preserve"> ISO 9001</t>
    </r>
    <r>
      <rPr>
        <sz val="10"/>
        <color theme="1"/>
        <rFont val="Arial"/>
        <family val="2"/>
        <charset val="238"/>
      </rPr>
      <t xml:space="preserve"> a </t>
    </r>
    <r>
      <rPr>
        <b/>
        <sz val="10"/>
        <color theme="1"/>
        <rFont val="Arial"/>
        <family val="2"/>
        <charset val="238"/>
      </rPr>
      <t>ISO 27001</t>
    </r>
    <r>
      <rPr>
        <sz val="10"/>
        <color theme="1"/>
        <rFont val="Arial"/>
        <family val="2"/>
        <charset val="238"/>
      </rPr>
      <t>.</t>
    </r>
  </si>
  <si>
    <r>
      <rPr>
        <b/>
        <sz val="10"/>
        <color theme="1"/>
        <rFont val="Arial"/>
        <family val="2"/>
        <charset val="238"/>
      </rPr>
      <t>Zmluva o spracúvaní osobných údajov</t>
    </r>
    <r>
      <rPr>
        <sz val="10"/>
        <color theme="1"/>
        <rFont val="Arial"/>
        <family val="2"/>
        <charset val="238"/>
      </rPr>
      <t>, v zmysle bodu 1.1, časť 5. MINIMÁLNE OSOBITNÉ ZMLUVNÉ POŽIADAVKY NA PREDMET ZÁKAZKY. Viď príloha č.2 Oznámenia o prípravnej trhovej konzultácii.</t>
    </r>
  </si>
  <si>
    <r>
      <t>Zmluva o kybernetickej bezpečnosti</t>
    </r>
    <r>
      <rPr>
        <sz val="10"/>
        <color theme="1"/>
        <rFont val="Arial"/>
        <family val="2"/>
        <charset val="238"/>
      </rPr>
      <t>, v zmysle bodu 1.2, časť 5. MINIMÁLNE OSOBITNÉ ZMLUVNÉ POŽIADAVKY NA PREDMET ZÁKAZKY. Viď príloha č.3 Oznámenia o prípravnej trhovej konzultácii.</t>
    </r>
  </si>
  <si>
    <t>Modul pre správu dokumentov (DMS)</t>
  </si>
  <si>
    <t>xxx</t>
  </si>
  <si>
    <t>Položka č. 2.1</t>
  </si>
  <si>
    <t>Položka č. 2.2</t>
  </si>
  <si>
    <t>Položka č. 7.1</t>
  </si>
  <si>
    <t>Položka č. 7.2</t>
  </si>
  <si>
    <t>Položka č. 7.3</t>
  </si>
  <si>
    <t>Položka č. 7.4</t>
  </si>
  <si>
    <t>Položka č. 7.5</t>
  </si>
  <si>
    <t>Projektová štruktúra, metodika a harmonogram</t>
  </si>
  <si>
    <t>Predimplementačná analýza</t>
  </si>
  <si>
    <t>Implementácia a konfigurácia Informačného systému</t>
  </si>
  <si>
    <t>Školenia</t>
  </si>
  <si>
    <t>Testovacia prevádzka</t>
  </si>
  <si>
    <t>ks</t>
  </si>
  <si>
    <t>mes</t>
  </si>
  <si>
    <t>Položka č. 9.1</t>
  </si>
  <si>
    <t>Položka č. 9.2</t>
  </si>
  <si>
    <t>Položka č. 9.3</t>
  </si>
  <si>
    <t>Položka č. 9.4</t>
  </si>
  <si>
    <t>Položka č. 9.5</t>
  </si>
  <si>
    <t>Položka č. 9.6</t>
  </si>
  <si>
    <t>Položka č. 9.7</t>
  </si>
  <si>
    <t>Licencia Modul pre správu dokumentov (DMS) - hrubý klient - named users</t>
  </si>
  <si>
    <t>Licencia Modul pre správu dokumentov (DMS) - tenký klient - concurrent users</t>
  </si>
  <si>
    <t>Licencia Modul Schvaľovacie a obehové procesy (Workflow)</t>
  </si>
  <si>
    <t>Licencia Modul pre správu a riadenie prichádzajúcej pošty</t>
  </si>
  <si>
    <t>Licencia Modul pre správu a riadenie odchádzajúcej pošty</t>
  </si>
  <si>
    <t>Licencia Registratúrne stredisko</t>
  </si>
  <si>
    <t>Analytické a programátorske práce</t>
  </si>
  <si>
    <t>hod.</t>
  </si>
  <si>
    <r>
      <t>Predmetom zákazky je dodanie, implementácia a sprevádzkovanie informačného systému, ktorý bude plniť funkciu komplexného systému správy dokumentov (</t>
    </r>
    <r>
      <rPr>
        <b/>
        <sz val="10"/>
        <rFont val="Arial"/>
        <family val="2"/>
        <charset val="238"/>
      </rPr>
      <t>Document Management System - DMS</t>
    </r>
    <r>
      <rPr>
        <sz val="10"/>
        <rFont val="Arial"/>
        <family val="2"/>
        <charset val="238"/>
      </rPr>
      <t>), vrátane systému evidencie a riadenia prichádzajúcej a odchádzajúcej pošty, registratúry a systému Workflow. Cieľom je elektronizácia interných procesov organizácie, zvýšenie prehľadnosti a sledovateľnosti spracovania dokumentov a zabezpečenie riadneho elektronického vedenia podateľne a registratúry vrátane archivácie v súlade s platnou legislatívou SR a medzinárodnými technickými normami. Systém musí okrem iného obsahovať špecifické funkcie a detaily potrebné pre spracovanie odborných agend ako sú zmluvy s dlhou dobou platnosti (prechod medzi viacerými rokmi a s tým spojená problematika – napr. číslovanie zmlúv atď.), projektová dokumentácia, obchodná agenda a pod.
V oblasti evidencie a správy zmlúv s dlhodobou platnosťou musí systém umožňovať jednotným spôsobom spravovať nielen samotné zmluvy, ale aj korešpondenciu a komunikáciu v rámci zmluvného vzťahu, ukladanie podkladov, elektronických dokumentov, e-mailov, záznamov telefonických rozhovorov spoločne v rámci jedného spisu. Užívateľ musí mať neustály prehľad nielen o platnom dodatku, ale mať aj okamžitý prístup k prvotnej zmluve a dokumentom, ktoré s ňou súvisia. Informačný systém musí umožňovať „spis“ rozčleniť podľa doteraz zaužívaného členenia a tým aj sledovať prípadnú úplnosť spisu, jeho stav a vybavenosť a pod.
Spisy po skončení platnosti (života) – ako uzatvorené spisy musí byť možné naďalej spravovať v tzv. príručnej registratúre, resp. sa po uplynutí doby stanovenej registratúrnym poriadkom prevedú do registratúrneho strediska, kde sú spravované po dobu lehoty uloženia v súlade s registratúrnym plánom organizácie.
V prípade potreby je možný aj prístup k takýmto dokumentom. Systém je možné priebežne rozširovať o ďalšie špecializované agendy.
Informačný systém má byť u obstarávateľa prevádzkovaný na centrálnom serveri, ktorý umožní centrálnu správu metaúdajov o spravovaných dokumentoch ako aj zaistí bezpečné uloženie spravovaných elektronických dokumentov a ich verzií.
Jednotlivé skupiny dokumentov ako aj jednotlivé dokumenty budú užívateľom sprístupnené na základe prístupových oprávnení, nastavených správcom informačného systému.
Informačný systém musí byť v súlade s platnou legislatívou, najmä s nariadeniami GDPR a zákonom o e-Governmente. Zároveň musí spĺňať požiadavky funkčnej a technickej špecifikácie predmetu zákazky.</t>
    </r>
  </si>
  <si>
    <r>
      <rPr>
        <b/>
        <sz val="10"/>
        <rFont val="Arial"/>
        <family val="2"/>
        <charset val="238"/>
      </rPr>
      <t>Základné pojmy projektovej dokumentácie:</t>
    </r>
    <r>
      <rPr>
        <sz val="10"/>
        <rFont val="Arial"/>
        <family val="2"/>
        <charset val="238"/>
      </rPr>
      <t xml:space="preserve">
- dokument (príloha k dokumentu Stanovenie podmienok realizácie projektu) definujúci základné pojmy projektovej metodiky, zodpovednosť a právomoci jednotlivých členov projektového tímu a jednotlivé dokumenty projektovej dokumentácie.</t>
    </r>
  </si>
  <si>
    <t>- Dodávateľ spracuje na základe údajov a podkladov z interview základný popis súčasného stavu informačného systému a pripraví podklady pre ďalšie smerovanie projektu.</t>
  </si>
  <si>
    <t>- Dodávateľ zo získaných podkladov spracuje kompletnú štúdiu minimálne v členení:
  - zhodnotenie súčasného stavu spracovania a riadenia obehu dokumentov u Obstarávateľa,
  - systémové a modulové zhrnutie potrieb Obstarávateľa,
  - návrh riešenia s možnými variantmi,
  - záverečné odporúčania.</t>
  </si>
  <si>
    <t>- Odsúhlasená verzia Predimplementačnej analýzy bude podkladom pre realizáciu vlastnej dodávky IS (implementácie) a jej obsah bude pre Obstarávateľa i Dodávateľa záväzný.</t>
  </si>
  <si>
    <t>- Dodávateľ v spolupráci so zástupcom Obstarávateľa vykoná implementačné práce:
  - nastavenie členenia spisov,
  - nastavenie členenia dokumentov,
  - príprava podkladov a odsúhlasenie štruktúr pre import údajov z doterajších IS, Intranetu a Registratúrneho systému Obstarávateľa,
  - naplnenie číselníkov Informačného systému,
  - import údajov z doterajších IS, Intranetu a Registratúrneho systému Obstarávateľa, import vybraných dokumentov.</t>
  </si>
  <si>
    <t>- Dodávateľ v spolupráci so zástupcom Obstarávateľa na skenovacom pracovisku realizuje práce:
  - inštalácia skenovacieho softvéru,
  - odskúšanie funkcionality HW a SW.</t>
  </si>
  <si>
    <r>
      <t xml:space="preserve">Dodávateľ vykoná </t>
    </r>
    <r>
      <rPr>
        <b/>
        <sz val="10"/>
        <rFont val="Arial"/>
        <family val="2"/>
        <charset val="238"/>
      </rPr>
      <t>školenia pre správcov a užívateľov informačného systému</t>
    </r>
    <r>
      <rPr>
        <sz val="10"/>
        <rFont val="Arial"/>
        <family val="2"/>
        <charset val="238"/>
      </rPr>
      <t>.</t>
    </r>
  </si>
  <si>
    <t>- Dodávateľ vykoná administrátorské školenie systémových správcov Obstarávateľa v minimálnom rozsahu 12 hodín: 
 - inštalácia, konfigurácia a systémové nastavenia pre všetky časti IS,
 - inštalácia a konfigurácia klientského softvéru, inštalovanie updatov (z jedného centrálneho miesta).</t>
  </si>
  <si>
    <t>- Dodávateľ vykoná užívateľské školenie pre prácu s jednotlivými modulmi IS pre pracovníkov Obstarávateľa v minimálnom rozsahu 20 hodín:
 - oboznámenie sa s užívateľským prostredím, so základnými funkciami IS, prihlásenie sa do systému, navigácia v systéme,
 - prehľad jednotlivých funkčností,
 - najlepšie postupy (best practices),
 - praktické príklady.</t>
  </si>
  <si>
    <t>- Dodávateľ vykoná školenie vecných správcov Obstarávateľa v nasledovnom rozsahu:
  - moduly pre správu dokumentov (DMS) a schvaľovacie a obehové procesy (Workflow) v minimálnom rozsahu 8 hodín,
  - moduly pre správu a riadenie prichádzajúcej a odchádzajúcej pošty (vrátane skenovacieho pracoviska) v minimálnom rozsahu 4 hodín,
  - modul Registratúrne stredisko v minimálnom rozsahu 4 hodín.</t>
  </si>
  <si>
    <t>7.4.4</t>
  </si>
  <si>
    <t>- Počty hodín školení v bodoch 7.4.1, 7.4.2, 7.4.3 je možné presúvať podľa potreby na základe vzájomnej dohody, pričom celkový minimálny počet hodín školení (48 hodín) musí byť zachovaný.</t>
  </si>
  <si>
    <t>7.4.5</t>
  </si>
  <si>
    <t>- Školenia sa môžu uskutočniť na pracovisku Obstarávateľa alebo online. V prípade online školenia, si Obstarávateľ vyhradzuje právo vyhotoviť z tohto školenia videozáznam pre vlastnú potrebu.</t>
  </si>
  <si>
    <t>7.4.6</t>
  </si>
  <si>
    <t>- Zo všetkých vykonaných školení sa vyhotoví záznam o školení, prílohou ktorého bude prezenčná listina všetkých zúčastnených (za Obstarávateľa aj Dodávateľa).</t>
  </si>
  <si>
    <t>7.4.7</t>
  </si>
  <si>
    <t>- Požaduje sa dodanie užívateľských a administrátorských príručiek k modulom IS.</t>
  </si>
  <si>
    <t>7.5.1</t>
  </si>
  <si>
    <t>- Požaduje sa testovacia prevádzka IS, kedy sa uskutoční spojenie všetkých činností z predchádzajúcich fáz a zameria sa na overenie Informačného systému pre prevádzku.</t>
  </si>
  <si>
    <t>7.5.2</t>
  </si>
  <si>
    <t>7.5.3</t>
  </si>
  <si>
    <t>7.6</t>
  </si>
  <si>
    <t>Po úspešnom priebehu Testovacej prevádzky IS prejde Informačný systém do rutinnej prevádzky a finálne dielo - Informačný systém môže byť prevzatý Obstarávateľ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theme="1"/>
      <name val="Calibri"/>
      <family val="2"/>
      <charset val="238"/>
      <scheme val="minor"/>
    </font>
    <font>
      <sz val="10"/>
      <color rgb="FF000000"/>
      <name val="Arial"/>
      <family val="2"/>
      <charset val="238"/>
    </font>
    <font>
      <sz val="8"/>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right style="medium">
        <color indexed="64"/>
      </right>
      <top style="thin">
        <color auto="1"/>
      </top>
      <bottom style="thin">
        <color auto="1"/>
      </bottom>
      <diagonal/>
    </border>
    <border>
      <left style="medium">
        <color auto="1"/>
      </left>
      <right style="thin">
        <color auto="1"/>
      </right>
      <top style="dashed">
        <color auto="1"/>
      </top>
      <bottom style="dashed">
        <color auto="1"/>
      </bottom>
      <diagonal/>
    </border>
    <border>
      <left style="thin">
        <color auto="1"/>
      </left>
      <right style="thin">
        <color auto="1"/>
      </right>
      <top style="dashed">
        <color auto="1"/>
      </top>
      <bottom style="dashed">
        <color auto="1"/>
      </bottom>
      <diagonal/>
    </border>
    <border>
      <left style="medium">
        <color auto="1"/>
      </left>
      <right style="thin">
        <color auto="1"/>
      </right>
      <top style="thin">
        <color auto="1"/>
      </top>
      <bottom style="dashed">
        <color auto="1"/>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thin">
        <color auto="1"/>
      </bottom>
      <diagonal/>
    </border>
    <border>
      <left style="thin">
        <color auto="1"/>
      </left>
      <right style="thin">
        <color auto="1"/>
      </right>
      <top style="thin">
        <color auto="1"/>
      </top>
      <bottom/>
      <diagonal/>
    </border>
    <border>
      <left style="medium">
        <color auto="1"/>
      </left>
      <right style="thin">
        <color auto="1"/>
      </right>
      <top style="thin">
        <color auto="1"/>
      </top>
      <bottom/>
      <diagonal/>
    </border>
    <border>
      <left/>
      <right style="medium">
        <color indexed="64"/>
      </right>
      <top/>
      <bottom style="thin">
        <color indexed="64"/>
      </bottom>
      <diagonal/>
    </border>
    <border>
      <left style="medium">
        <color auto="1"/>
      </left>
      <right style="thin">
        <color auto="1"/>
      </right>
      <top style="thin">
        <color auto="1"/>
      </top>
      <bottom style="medium">
        <color rgb="FF000000"/>
      </bottom>
      <diagonal/>
    </border>
    <border>
      <left style="thin">
        <color indexed="64"/>
      </left>
      <right style="medium">
        <color auto="1"/>
      </right>
      <top style="thin">
        <color indexed="64"/>
      </top>
      <bottom style="medium">
        <color rgb="FF000000"/>
      </bottom>
      <diagonal/>
    </border>
    <border>
      <left style="thin">
        <color auto="1"/>
      </left>
      <right/>
      <top style="thin">
        <color auto="1"/>
      </top>
      <bottom/>
      <diagonal/>
    </border>
    <border>
      <left/>
      <right style="medium">
        <color indexed="64"/>
      </right>
      <top style="thin">
        <color auto="1"/>
      </top>
      <bottom/>
      <diagonal/>
    </border>
    <border>
      <left style="thin">
        <color auto="1"/>
      </left>
      <right style="thin">
        <color auto="1"/>
      </right>
      <top style="thin">
        <color auto="1"/>
      </top>
      <bottom style="dotted">
        <color auto="1"/>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top style="dotted">
        <color auto="1"/>
      </top>
      <bottom style="dotted">
        <color auto="1"/>
      </bottom>
      <diagonal/>
    </border>
    <border>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top style="dotted">
        <color auto="1"/>
      </top>
      <bottom style="thin">
        <color auto="1"/>
      </bottom>
      <diagonal/>
    </border>
    <border>
      <left/>
      <right style="thin">
        <color auto="1"/>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2" fillId="0" borderId="10" xfId="0" applyFont="1" applyBorder="1" applyAlignment="1">
      <alignment vertical="center" wrapText="1"/>
    </xf>
    <xf numFmtId="0" fontId="13" fillId="0" borderId="10" xfId="0" applyFont="1" applyBorder="1" applyAlignment="1">
      <alignment horizontal="center" vertical="center" wrapText="1"/>
    </xf>
    <xf numFmtId="16" fontId="5" fillId="0" borderId="0" xfId="0" applyNumberFormat="1" applyFont="1" applyAlignment="1">
      <alignment horizontal="left" vertical="top" wrapText="1"/>
    </xf>
    <xf numFmtId="0" fontId="2" fillId="0" borderId="20" xfId="0" applyFont="1" applyBorder="1" applyAlignment="1">
      <alignment horizontal="center" vertical="center" wrapText="1"/>
    </xf>
    <xf numFmtId="49" fontId="2" fillId="0" borderId="11" xfId="0" applyNumberFormat="1" applyFont="1" applyBorder="1" applyAlignment="1">
      <alignment horizontal="center" vertical="center" wrapText="1"/>
    </xf>
    <xf numFmtId="0" fontId="7" fillId="0" borderId="20" xfId="0" applyFont="1" applyBorder="1" applyAlignment="1">
      <alignment horizontal="center" vertical="center" wrapText="1"/>
    </xf>
    <xf numFmtId="0" fontId="3" fillId="0" borderId="20" xfId="0" applyFont="1" applyBorder="1" applyAlignment="1">
      <alignment horizontal="left" vertical="center" wrapText="1"/>
    </xf>
    <xf numFmtId="0" fontId="2" fillId="0" borderId="23" xfId="0" applyFont="1" applyBorder="1" applyAlignment="1">
      <alignment horizontal="center" vertical="center" wrapText="1"/>
    </xf>
    <xf numFmtId="49" fontId="4" fillId="0" borderId="8" xfId="0" applyNumberFormat="1" applyFont="1" applyBorder="1" applyAlignment="1">
      <alignment horizontal="left" vertical="center"/>
    </xf>
    <xf numFmtId="49" fontId="4" fillId="0" borderId="8" xfId="0" applyNumberFormat="1" applyFont="1" applyBorder="1" applyAlignment="1">
      <alignment horizontal="center" vertical="center"/>
    </xf>
    <xf numFmtId="49" fontId="4" fillId="0" borderId="8" xfId="0" applyNumberFormat="1" applyFont="1" applyBorder="1" applyAlignment="1">
      <alignment horizontal="right" vertical="center"/>
    </xf>
    <xf numFmtId="49" fontId="4" fillId="0" borderId="11" xfId="0" applyNumberFormat="1" applyFont="1" applyBorder="1" applyAlignment="1">
      <alignment horizontal="right" vertical="center"/>
    </xf>
    <xf numFmtId="49" fontId="4" fillId="0" borderId="8" xfId="0" applyNumberFormat="1" applyFont="1" applyBorder="1" applyAlignment="1">
      <alignment horizontal="center" vertical="center" wrapText="1"/>
    </xf>
    <xf numFmtId="49" fontId="4" fillId="6" borderId="8" xfId="0" applyNumberFormat="1" applyFont="1" applyFill="1" applyBorder="1" applyAlignment="1">
      <alignment horizontal="center" vertical="center" wrapText="1"/>
    </xf>
    <xf numFmtId="49" fontId="4" fillId="0" borderId="8" xfId="0" applyNumberFormat="1" applyFont="1" applyBorder="1" applyAlignment="1">
      <alignment horizontal="right" vertical="center" wrapText="1"/>
    </xf>
    <xf numFmtId="0" fontId="4" fillId="6" borderId="20" xfId="0" applyFont="1" applyFill="1" applyBorder="1" applyAlignment="1">
      <alignment horizontal="left" vertical="center" wrapText="1"/>
    </xf>
    <xf numFmtId="49" fontId="4" fillId="0" borderId="11" xfId="0" applyNumberFormat="1" applyFont="1" applyBorder="1" applyAlignment="1">
      <alignment horizontal="center" vertical="center" wrapText="1"/>
    </xf>
    <xf numFmtId="49" fontId="4" fillId="0" borderId="22" xfId="0" applyNumberFormat="1" applyFont="1" applyBorder="1" applyAlignment="1">
      <alignment horizontal="center" vertical="center" wrapText="1"/>
    </xf>
    <xf numFmtId="49" fontId="4" fillId="6" borderId="8" xfId="0" applyNumberFormat="1" applyFont="1" applyFill="1" applyBorder="1" applyAlignment="1">
      <alignment horizontal="right" vertical="center" wrapText="1"/>
    </xf>
    <xf numFmtId="0" fontId="4" fillId="0" borderId="8" xfId="0" applyFont="1" applyBorder="1" applyAlignment="1">
      <alignment horizontal="center" vertical="center" wrapText="1"/>
    </xf>
    <xf numFmtId="0" fontId="2" fillId="0" borderId="10" xfId="0" applyFont="1" applyBorder="1" applyAlignment="1">
      <alignment horizontal="left" vertical="center" wrapText="1"/>
    </xf>
    <xf numFmtId="49" fontId="2" fillId="0" borderId="8" xfId="0" applyNumberFormat="1" applyFont="1" applyBorder="1" applyAlignment="1">
      <alignment horizontal="center" vertical="center" wrapText="1"/>
    </xf>
    <xf numFmtId="0" fontId="7" fillId="0" borderId="10" xfId="0" applyFont="1" applyBorder="1" applyAlignment="1">
      <alignment horizontal="center" vertical="center" wrapText="1"/>
    </xf>
    <xf numFmtId="49" fontId="4" fillId="0" borderId="9" xfId="0" applyNumberFormat="1" applyFont="1" applyBorder="1" applyAlignment="1">
      <alignment vertical="center" wrapText="1"/>
    </xf>
    <xf numFmtId="49" fontId="5" fillId="0" borderId="9" xfId="0" applyNumberFormat="1" applyFont="1" applyBorder="1" applyAlignment="1">
      <alignment vertical="center" wrapText="1"/>
    </xf>
    <xf numFmtId="49" fontId="4" fillId="0" borderId="21" xfId="0" applyNumberFormat="1" applyFont="1" applyBorder="1" applyAlignment="1">
      <alignment vertical="center" wrapText="1"/>
    </xf>
    <xf numFmtId="0" fontId="4" fillId="0" borderId="24" xfId="0" applyFont="1" applyBorder="1" applyAlignment="1">
      <alignment horizontal="left" vertical="center" wrapText="1"/>
    </xf>
    <xf numFmtId="0" fontId="4" fillId="0" borderId="9" xfId="0" applyFont="1" applyBorder="1" applyAlignment="1">
      <alignment horizontal="left" vertical="center" wrapText="1"/>
    </xf>
    <xf numFmtId="0" fontId="4" fillId="6" borderId="9" xfId="0" applyFont="1" applyFill="1" applyBorder="1" applyAlignment="1">
      <alignment horizontal="left" vertical="center" wrapText="1"/>
    </xf>
    <xf numFmtId="0" fontId="4" fillId="6" borderId="9" xfId="0" applyFont="1" applyFill="1" applyBorder="1" applyAlignment="1">
      <alignment vertical="center" wrapText="1"/>
    </xf>
    <xf numFmtId="0" fontId="4" fillId="0" borderId="27" xfId="0" applyFont="1" applyBorder="1" applyAlignment="1">
      <alignment horizontal="left" vertical="center" wrapText="1"/>
    </xf>
    <xf numFmtId="0" fontId="4" fillId="0" borderId="29" xfId="0" applyFont="1" applyBorder="1" applyAlignment="1">
      <alignment horizontal="left" vertical="center" wrapText="1"/>
    </xf>
    <xf numFmtId="0" fontId="4" fillId="0" borderId="30" xfId="0" applyFont="1" applyBorder="1" applyAlignment="1">
      <alignment horizontal="left" vertical="center" wrapText="1"/>
    </xf>
    <xf numFmtId="0" fontId="4" fillId="0" borderId="9" xfId="0" applyFont="1" applyBorder="1" applyAlignment="1">
      <alignment vertical="center" wrapText="1"/>
    </xf>
    <xf numFmtId="49" fontId="2" fillId="0" borderId="8" xfId="0" applyNumberFormat="1" applyFont="1" applyBorder="1" applyAlignment="1">
      <alignment horizontal="right" vertical="center" wrapText="1"/>
    </xf>
    <xf numFmtId="49" fontId="4" fillId="0" borderId="26" xfId="0" applyNumberFormat="1" applyFont="1" applyBorder="1" applyAlignment="1">
      <alignment horizontal="right" vertical="center" wrapText="1"/>
    </xf>
    <xf numFmtId="49" fontId="4" fillId="0" borderId="28" xfId="0" applyNumberFormat="1" applyFont="1" applyBorder="1" applyAlignment="1">
      <alignment horizontal="center" vertical="center" wrapText="1"/>
    </xf>
    <xf numFmtId="49" fontId="4" fillId="6" borderId="9" xfId="0" applyNumberFormat="1" applyFont="1" applyFill="1" applyBorder="1" applyAlignment="1">
      <alignment vertical="center" wrapText="1"/>
    </xf>
    <xf numFmtId="49" fontId="4" fillId="0" borderId="5" xfId="0" applyNumberFormat="1" applyFont="1" applyBorder="1" applyAlignment="1">
      <alignment vertical="center" wrapText="1"/>
    </xf>
    <xf numFmtId="49" fontId="15" fillId="0" borderId="9" xfId="0" applyNumberFormat="1" applyFont="1" applyBorder="1" applyAlignment="1">
      <alignment vertical="center" wrapText="1"/>
    </xf>
    <xf numFmtId="49" fontId="2" fillId="0" borderId="5" xfId="0" applyNumberFormat="1" applyFont="1" applyBorder="1" applyAlignment="1">
      <alignment vertical="center" wrapText="1"/>
    </xf>
    <xf numFmtId="0" fontId="4" fillId="0" borderId="33" xfId="0" applyFont="1" applyBorder="1" applyAlignment="1">
      <alignment vertical="center" wrapText="1"/>
    </xf>
    <xf numFmtId="16" fontId="4" fillId="0" borderId="8" xfId="0" applyNumberFormat="1" applyFont="1" applyBorder="1" applyAlignment="1">
      <alignment horizontal="right" vertical="center" wrapText="1"/>
    </xf>
    <xf numFmtId="49" fontId="4" fillId="0" borderId="34" xfId="0" applyNumberFormat="1" applyFont="1" applyBorder="1" applyAlignment="1">
      <alignment horizontal="center" vertical="center" wrapText="1"/>
    </xf>
    <xf numFmtId="0" fontId="4" fillId="0" borderId="35" xfId="0" applyFont="1" applyBorder="1" applyAlignment="1">
      <alignment horizontal="left" vertical="center" wrapText="1"/>
    </xf>
    <xf numFmtId="49" fontId="2" fillId="0" borderId="32" xfId="0" applyNumberFormat="1" applyFont="1" applyBorder="1" applyAlignment="1">
      <alignment horizontal="center" vertical="center" wrapText="1"/>
    </xf>
    <xf numFmtId="0" fontId="2" fillId="0" borderId="31" xfId="0" applyFont="1" applyBorder="1" applyAlignment="1">
      <alignment horizontal="left" vertical="center" wrapText="1"/>
    </xf>
    <xf numFmtId="0" fontId="7" fillId="0" borderId="31" xfId="0" applyFont="1" applyBorder="1" applyAlignment="1">
      <alignment horizontal="center" vertical="center" wrapText="1"/>
    </xf>
    <xf numFmtId="0" fontId="2" fillId="0" borderId="36" xfId="0" applyFont="1" applyBorder="1" applyAlignment="1">
      <alignment horizontal="center" vertical="center" wrapText="1"/>
    </xf>
    <xf numFmtId="0" fontId="2" fillId="0" borderId="37" xfId="0" applyFont="1" applyBorder="1" applyAlignment="1">
      <alignment horizontal="center" vertical="center" wrapText="1"/>
    </xf>
    <xf numFmtId="49" fontId="4" fillId="0" borderId="0" xfId="1" applyNumberFormat="1" applyAlignment="1">
      <alignment horizontal="left" vertical="center" wrapText="1"/>
    </xf>
    <xf numFmtId="0" fontId="2" fillId="0" borderId="38" xfId="0" applyFont="1" applyBorder="1" applyAlignment="1">
      <alignment vertical="center" wrapText="1"/>
    </xf>
    <xf numFmtId="0" fontId="2" fillId="0" borderId="38" xfId="0" applyFont="1" applyBorder="1" applyAlignment="1">
      <alignment horizontal="center" vertical="center" wrapText="1"/>
    </xf>
    <xf numFmtId="0" fontId="13" fillId="0" borderId="38" xfId="0" applyFont="1" applyBorder="1" applyAlignment="1">
      <alignment horizontal="center" vertical="center" wrapText="1"/>
    </xf>
    <xf numFmtId="0" fontId="2" fillId="0" borderId="41" xfId="0" applyFont="1" applyBorder="1" applyAlignment="1">
      <alignment vertical="center" wrapText="1"/>
    </xf>
    <xf numFmtId="0" fontId="2" fillId="0" borderId="41" xfId="0" applyFont="1" applyBorder="1" applyAlignment="1">
      <alignment horizontal="center" vertical="center" wrapText="1"/>
    </xf>
    <xf numFmtId="0" fontId="13" fillId="0" borderId="41" xfId="0" applyFont="1" applyBorder="1" applyAlignment="1">
      <alignment horizontal="center" vertical="center" wrapText="1"/>
    </xf>
    <xf numFmtId="0" fontId="2" fillId="0" borderId="44" xfId="0" applyFont="1" applyBorder="1" applyAlignment="1">
      <alignment vertical="center" wrapText="1"/>
    </xf>
    <xf numFmtId="0" fontId="2" fillId="0" borderId="44" xfId="0" applyFont="1" applyBorder="1" applyAlignment="1">
      <alignment horizontal="center" vertical="center" wrapText="1"/>
    </xf>
    <xf numFmtId="0" fontId="13" fillId="0" borderId="44" xfId="0" applyFont="1" applyBorder="1" applyAlignment="1">
      <alignment horizontal="center" vertical="center" wrapText="1"/>
    </xf>
    <xf numFmtId="0" fontId="4" fillId="0" borderId="42" xfId="0" applyFont="1" applyBorder="1" applyAlignment="1">
      <alignment horizontal="left" vertical="center" wrapText="1"/>
    </xf>
    <xf numFmtId="0" fontId="4" fillId="0" borderId="43" xfId="0" applyFont="1" applyBorder="1" applyAlignment="1">
      <alignment horizontal="left" vertical="center" wrapText="1"/>
    </xf>
    <xf numFmtId="0" fontId="4" fillId="0" borderId="45" xfId="0" applyFont="1" applyBorder="1" applyAlignment="1">
      <alignment horizontal="left" vertical="center" wrapText="1"/>
    </xf>
    <xf numFmtId="0" fontId="4" fillId="0" borderId="46" xfId="0" applyFont="1" applyBorder="1" applyAlignment="1">
      <alignment horizontal="left" vertical="center" wrapText="1"/>
    </xf>
    <xf numFmtId="0" fontId="4" fillId="0" borderId="39" xfId="0" applyFont="1" applyBorder="1" applyAlignment="1">
      <alignment horizontal="left" vertical="center" wrapText="1"/>
    </xf>
    <xf numFmtId="0" fontId="4" fillId="0" borderId="40" xfId="0"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0" xfId="0" applyFont="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16" fontId="5" fillId="0" borderId="0" xfId="0" applyNumberFormat="1" applyFont="1" applyAlignment="1">
      <alignment horizontal="left" vertical="top"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2" fillId="0" borderId="0" xfId="0" applyFont="1" applyAlignment="1">
      <alignment horizontal="left"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4" fillId="0" borderId="0" xfId="0" applyNumberFormat="1" applyFont="1" applyAlignment="1">
      <alignment horizontal="left" vertical="top"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0" xfId="0" applyFont="1" applyBorder="1" applyAlignment="1">
      <alignment horizontal="left" vertical="center" wrapText="1"/>
    </xf>
    <xf numFmtId="0" fontId="2" fillId="0" borderId="9" xfId="0" applyFont="1" applyBorder="1" applyAlignment="1">
      <alignment horizontal="left"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0" fontId="2" fillId="0" borderId="5"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9" xfId="0" applyFont="1" applyBorder="1" applyAlignment="1">
      <alignment horizontal="center" vertical="center" wrapText="1"/>
    </xf>
    <xf numFmtId="0" fontId="12" fillId="0" borderId="7"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Border="1" applyAlignment="1">
      <alignment horizontal="left" vertical="center" wrapText="1"/>
    </xf>
    <xf numFmtId="0" fontId="2" fillId="0" borderId="24" xfId="0" applyFont="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6</xdr:row>
          <xdr:rowOff>9525</xdr:rowOff>
        </xdr:from>
        <xdr:to>
          <xdr:col>1</xdr:col>
          <xdr:colOff>885825</xdr:colOff>
          <xdr:row>56</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7</xdr:row>
          <xdr:rowOff>0</xdr:rowOff>
        </xdr:from>
        <xdr:to>
          <xdr:col>1</xdr:col>
          <xdr:colOff>885825</xdr:colOff>
          <xdr:row>57</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sheetPr>
  <dimension ref="B1:G553"/>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49" t="s">
        <v>48</v>
      </c>
      <c r="C1" s="149"/>
      <c r="D1" s="149"/>
      <c r="E1" s="149"/>
      <c r="F1" s="149"/>
    </row>
    <row r="2" spans="2:6" ht="27.75" customHeight="1" x14ac:dyDescent="0.2">
      <c r="B2" s="148" t="s">
        <v>46</v>
      </c>
      <c r="C2" s="148"/>
      <c r="D2" s="148"/>
      <c r="E2" s="148"/>
      <c r="F2" s="148"/>
    </row>
    <row r="3" spans="2:6" ht="54.75" customHeight="1" x14ac:dyDescent="0.2">
      <c r="B3" s="107" t="s">
        <v>52</v>
      </c>
      <c r="C3" s="107"/>
      <c r="D3" s="107"/>
      <c r="E3" s="107"/>
      <c r="F3" s="107"/>
    </row>
    <row r="4" spans="2:6" ht="24.95" customHeight="1" x14ac:dyDescent="0.2">
      <c r="B4" s="36" t="s">
        <v>51</v>
      </c>
      <c r="C4" s="37"/>
      <c r="D4" s="6"/>
      <c r="E4" s="6"/>
      <c r="F4" s="6"/>
    </row>
    <row r="5" spans="2:6" ht="24.95" customHeight="1" x14ac:dyDescent="0.2">
      <c r="B5" s="36" t="s">
        <v>49</v>
      </c>
      <c r="C5" s="38"/>
      <c r="D5" s="6"/>
      <c r="E5" s="6"/>
      <c r="F5" s="6"/>
    </row>
    <row r="6" spans="2:6" ht="5.0999999999999996" customHeight="1" x14ac:dyDescent="0.2">
      <c r="B6" s="6"/>
      <c r="C6" s="6"/>
      <c r="D6" s="6"/>
      <c r="E6" s="6"/>
      <c r="F6" s="6"/>
    </row>
    <row r="7" spans="2:6" s="2" customFormat="1" ht="20.100000000000001" customHeight="1" x14ac:dyDescent="0.25">
      <c r="B7" s="108" t="s">
        <v>4</v>
      </c>
      <c r="C7" s="108"/>
      <c r="D7" s="108"/>
      <c r="E7" s="108"/>
      <c r="F7" s="108"/>
    </row>
    <row r="8" spans="2:6" s="2" customFormat="1" ht="20.100000000000001" customHeight="1" x14ac:dyDescent="0.25">
      <c r="B8" s="109" t="s">
        <v>8</v>
      </c>
      <c r="C8" s="109"/>
      <c r="D8" s="109"/>
      <c r="E8" s="109"/>
      <c r="F8" s="109"/>
    </row>
    <row r="9" spans="2:6" ht="24.95" customHeight="1" x14ac:dyDescent="0.2">
      <c r="B9" s="110" t="s">
        <v>92</v>
      </c>
      <c r="C9" s="110"/>
      <c r="D9" s="110"/>
      <c r="E9" s="110"/>
      <c r="F9" s="110"/>
    </row>
    <row r="10" spans="2:6" ht="4.5" customHeight="1" x14ac:dyDescent="0.2">
      <c r="B10" s="35"/>
      <c r="C10" s="35"/>
      <c r="D10" s="35"/>
      <c r="E10" s="35"/>
      <c r="F10" s="35"/>
    </row>
    <row r="11" spans="2:6" s="2" customFormat="1" ht="20.100000000000001" customHeight="1" x14ac:dyDescent="0.25">
      <c r="B11" s="111" t="s">
        <v>9</v>
      </c>
      <c r="C11" s="111"/>
      <c r="D11" s="111"/>
      <c r="E11" s="111"/>
      <c r="F11" s="111"/>
    </row>
    <row r="12" spans="2:6" s="2" customFormat="1" ht="20.100000000000001" customHeight="1" x14ac:dyDescent="0.25">
      <c r="B12" s="110" t="s">
        <v>93</v>
      </c>
      <c r="C12" s="110"/>
      <c r="D12" s="110"/>
      <c r="E12" s="41"/>
      <c r="F12" s="41"/>
    </row>
    <row r="13" spans="2:6" s="2" customFormat="1" ht="20.100000000000001" customHeight="1" x14ac:dyDescent="0.25">
      <c r="B13" s="110" t="s">
        <v>94</v>
      </c>
      <c r="C13" s="110"/>
      <c r="D13" s="110"/>
      <c r="E13" s="41"/>
      <c r="F13" s="41"/>
    </row>
    <row r="14" spans="2:6" s="2" customFormat="1" ht="20.100000000000001" customHeight="1" x14ac:dyDescent="0.25">
      <c r="B14" s="110" t="s">
        <v>95</v>
      </c>
      <c r="C14" s="110"/>
      <c r="D14" s="110"/>
      <c r="E14" s="41"/>
      <c r="F14" s="41"/>
    </row>
    <row r="15" spans="2:6" s="2" customFormat="1" ht="20.100000000000001" customHeight="1" x14ac:dyDescent="0.25">
      <c r="B15" s="110" t="s">
        <v>96</v>
      </c>
      <c r="C15" s="110"/>
      <c r="D15" s="110"/>
      <c r="E15" s="41"/>
      <c r="F15" s="41"/>
    </row>
    <row r="16" spans="2:6" s="2" customFormat="1" ht="20.100000000000001" customHeight="1" x14ac:dyDescent="0.25">
      <c r="B16" s="110" t="s">
        <v>97</v>
      </c>
      <c r="C16" s="110"/>
      <c r="D16" s="110"/>
      <c r="E16" s="110"/>
      <c r="F16" s="110"/>
    </row>
    <row r="17" spans="2:6" s="2" customFormat="1" ht="20.100000000000001" customHeight="1" x14ac:dyDescent="0.25">
      <c r="B17" s="110" t="s">
        <v>26</v>
      </c>
      <c r="C17" s="110"/>
      <c r="D17" s="110"/>
      <c r="E17" s="41"/>
      <c r="F17" s="41"/>
    </row>
    <row r="18" spans="2:6" ht="4.5" customHeight="1" x14ac:dyDescent="0.2">
      <c r="B18" s="35"/>
      <c r="C18" s="35"/>
      <c r="D18" s="35"/>
      <c r="E18" s="35"/>
      <c r="F18" s="35"/>
    </row>
    <row r="19" spans="2:6" ht="20.100000000000001" customHeight="1" x14ac:dyDescent="0.2">
      <c r="B19" s="34" t="s">
        <v>10</v>
      </c>
      <c r="C19" s="18"/>
      <c r="D19" s="18"/>
      <c r="E19" s="19"/>
      <c r="F19" s="19"/>
    </row>
    <row r="20" spans="2:6" s="3" customFormat="1" ht="24.95" customHeight="1" x14ac:dyDescent="0.25">
      <c r="B20" s="110" t="s">
        <v>66</v>
      </c>
      <c r="C20" s="110"/>
      <c r="D20" s="110"/>
      <c r="E20" s="16"/>
      <c r="F20" s="17"/>
    </row>
    <row r="21" spans="2:6" ht="5.0999999999999996" customHeight="1" x14ac:dyDescent="0.2">
      <c r="B21" s="117"/>
      <c r="C21" s="117"/>
      <c r="D21" s="117"/>
      <c r="F21" s="11"/>
    </row>
    <row r="22" spans="2:6" s="2" customFormat="1" ht="20.100000000000001" customHeight="1" x14ac:dyDescent="0.25">
      <c r="B22" s="108" t="s">
        <v>23</v>
      </c>
      <c r="C22" s="108"/>
      <c r="D22" s="108"/>
      <c r="E22" s="108"/>
      <c r="F22" s="108"/>
    </row>
    <row r="23" spans="2:6" ht="261" customHeight="1" x14ac:dyDescent="0.2">
      <c r="B23" s="120" t="s">
        <v>944</v>
      </c>
      <c r="C23" s="120"/>
      <c r="D23" s="120"/>
      <c r="E23" s="120"/>
      <c r="F23" s="120"/>
    </row>
    <row r="24" spans="2:6" ht="5.0999999999999996" customHeight="1" x14ac:dyDescent="0.2">
      <c r="B24" s="117"/>
      <c r="C24" s="117"/>
      <c r="D24" s="117"/>
      <c r="F24" s="11"/>
    </row>
    <row r="25" spans="2:6" s="2" customFormat="1" ht="20.100000000000001" customHeight="1" x14ac:dyDescent="0.25">
      <c r="B25" s="108" t="s">
        <v>24</v>
      </c>
      <c r="C25" s="108"/>
      <c r="D25" s="108"/>
      <c r="E25" s="108"/>
      <c r="F25" s="108"/>
    </row>
    <row r="26" spans="2:6" s="2" customFormat="1" ht="20.100000000000001" customHeight="1" x14ac:dyDescent="0.25">
      <c r="B26" s="112" t="s">
        <v>5</v>
      </c>
      <c r="C26" s="112"/>
      <c r="D26" s="112"/>
      <c r="E26" s="112"/>
      <c r="F26" s="112"/>
    </row>
    <row r="27" spans="2:6" s="2" customFormat="1" ht="20.100000000000001" customHeight="1" x14ac:dyDescent="0.25">
      <c r="B27" s="115" t="s">
        <v>17</v>
      </c>
      <c r="C27" s="116"/>
      <c r="D27" s="12"/>
      <c r="E27" s="12"/>
      <c r="F27" s="12"/>
    </row>
    <row r="28" spans="2:6" s="2" customFormat="1" ht="20.100000000000001" customHeight="1" x14ac:dyDescent="0.25">
      <c r="B28" s="11"/>
      <c r="C28" s="11" t="s">
        <v>21</v>
      </c>
      <c r="D28" s="12"/>
      <c r="E28" s="12"/>
      <c r="F28" s="12"/>
    </row>
    <row r="29" spans="2:6" s="2" customFormat="1" ht="20.100000000000001" customHeight="1" x14ac:dyDescent="0.25">
      <c r="B29" s="11"/>
      <c r="C29" s="11" t="s">
        <v>22</v>
      </c>
      <c r="D29" s="12"/>
      <c r="E29" s="12"/>
      <c r="F29" s="12"/>
    </row>
    <row r="30" spans="2:6" s="2" customFormat="1" ht="20.100000000000001" customHeight="1" x14ac:dyDescent="0.25">
      <c r="B30" s="115" t="s">
        <v>18</v>
      </c>
      <c r="C30" s="116"/>
      <c r="D30" s="12"/>
      <c r="E30" s="12"/>
      <c r="F30" s="12"/>
    </row>
    <row r="31" spans="2:6" s="2" customFormat="1" ht="31.5" customHeight="1" x14ac:dyDescent="0.25">
      <c r="B31" s="14" t="s">
        <v>19</v>
      </c>
      <c r="C31" s="113" t="s">
        <v>12</v>
      </c>
      <c r="D31" s="114"/>
      <c r="E31" s="15" t="s">
        <v>11</v>
      </c>
      <c r="F31" s="15" t="s">
        <v>13</v>
      </c>
    </row>
    <row r="32" spans="2:6" s="2" customFormat="1" ht="24.95" customHeight="1" x14ac:dyDescent="0.25">
      <c r="B32" s="39" t="s">
        <v>1</v>
      </c>
      <c r="C32" s="118" t="s">
        <v>534</v>
      </c>
      <c r="D32" s="119"/>
      <c r="E32" s="13" t="s">
        <v>542</v>
      </c>
      <c r="F32" s="40">
        <v>3</v>
      </c>
    </row>
    <row r="33" spans="2:6" s="2" customFormat="1" ht="24.95" customHeight="1" x14ac:dyDescent="0.25">
      <c r="B33" s="90" t="s">
        <v>98</v>
      </c>
      <c r="C33" s="103" t="s">
        <v>913</v>
      </c>
      <c r="D33" s="104"/>
      <c r="E33" s="91" t="s">
        <v>914</v>
      </c>
      <c r="F33" s="92" t="s">
        <v>914</v>
      </c>
    </row>
    <row r="34" spans="2:6" s="2" customFormat="1" ht="24.95" customHeight="1" x14ac:dyDescent="0.25">
      <c r="B34" s="93" t="s">
        <v>915</v>
      </c>
      <c r="C34" s="99" t="s">
        <v>532</v>
      </c>
      <c r="D34" s="100"/>
      <c r="E34" s="94" t="s">
        <v>542</v>
      </c>
      <c r="F34" s="95">
        <v>15</v>
      </c>
    </row>
    <row r="35" spans="2:6" s="2" customFormat="1" ht="24.95" customHeight="1" x14ac:dyDescent="0.25">
      <c r="B35" s="96" t="s">
        <v>916</v>
      </c>
      <c r="C35" s="101" t="s">
        <v>533</v>
      </c>
      <c r="D35" s="102"/>
      <c r="E35" s="97" t="s">
        <v>542</v>
      </c>
      <c r="F35" s="98">
        <v>40</v>
      </c>
    </row>
    <row r="36" spans="2:6" s="2" customFormat="1" ht="24.95" customHeight="1" x14ac:dyDescent="0.25">
      <c r="B36" s="39" t="s">
        <v>99</v>
      </c>
      <c r="C36" s="118" t="s">
        <v>535</v>
      </c>
      <c r="D36" s="119"/>
      <c r="E36" s="13" t="s">
        <v>542</v>
      </c>
      <c r="F36" s="40">
        <v>55</v>
      </c>
    </row>
    <row r="37" spans="2:6" s="2" customFormat="1" ht="24.95" customHeight="1" x14ac:dyDescent="0.25">
      <c r="B37" s="39" t="s">
        <v>100</v>
      </c>
      <c r="C37" s="118" t="s">
        <v>536</v>
      </c>
      <c r="D37" s="119"/>
      <c r="E37" s="13" t="s">
        <v>542</v>
      </c>
      <c r="F37" s="40">
        <v>5</v>
      </c>
    </row>
    <row r="38" spans="2:6" s="2" customFormat="1" ht="24.95" customHeight="1" x14ac:dyDescent="0.25">
      <c r="B38" s="39" t="s">
        <v>101</v>
      </c>
      <c r="C38" s="118" t="s">
        <v>537</v>
      </c>
      <c r="D38" s="119"/>
      <c r="E38" s="13" t="s">
        <v>542</v>
      </c>
      <c r="F38" s="40">
        <v>5</v>
      </c>
    </row>
    <row r="39" spans="2:6" s="2" customFormat="1" ht="24.95" customHeight="1" x14ac:dyDescent="0.25">
      <c r="B39" s="39" t="s">
        <v>102</v>
      </c>
      <c r="C39" s="118" t="s">
        <v>538</v>
      </c>
      <c r="D39" s="119"/>
      <c r="E39" s="13" t="s">
        <v>542</v>
      </c>
      <c r="F39" s="40">
        <v>2</v>
      </c>
    </row>
    <row r="40" spans="2:6" s="2" customFormat="1" ht="24.95" customHeight="1" x14ac:dyDescent="0.25">
      <c r="B40" s="90" t="s">
        <v>103</v>
      </c>
      <c r="C40" s="103" t="s">
        <v>105</v>
      </c>
      <c r="D40" s="104"/>
      <c r="E40" s="91" t="s">
        <v>914</v>
      </c>
      <c r="F40" s="92" t="s">
        <v>914</v>
      </c>
    </row>
    <row r="41" spans="2:6" s="2" customFormat="1" ht="24.95" customHeight="1" x14ac:dyDescent="0.25">
      <c r="B41" s="93" t="s">
        <v>917</v>
      </c>
      <c r="C41" s="99" t="s">
        <v>922</v>
      </c>
      <c r="D41" s="100"/>
      <c r="E41" s="94" t="s">
        <v>927</v>
      </c>
      <c r="F41" s="95">
        <v>1</v>
      </c>
    </row>
    <row r="42" spans="2:6" s="2" customFormat="1" ht="24.95" customHeight="1" x14ac:dyDescent="0.25">
      <c r="B42" s="93" t="s">
        <v>918</v>
      </c>
      <c r="C42" s="99" t="s">
        <v>923</v>
      </c>
      <c r="D42" s="100"/>
      <c r="E42" s="94" t="s">
        <v>927</v>
      </c>
      <c r="F42" s="95">
        <v>1</v>
      </c>
    </row>
    <row r="43" spans="2:6" s="2" customFormat="1" ht="24.95" customHeight="1" x14ac:dyDescent="0.25">
      <c r="B43" s="93" t="s">
        <v>919</v>
      </c>
      <c r="C43" s="99" t="s">
        <v>924</v>
      </c>
      <c r="D43" s="100"/>
      <c r="E43" s="94" t="s">
        <v>927</v>
      </c>
      <c r="F43" s="95">
        <v>1</v>
      </c>
    </row>
    <row r="44" spans="2:6" s="2" customFormat="1" ht="24.95" customHeight="1" x14ac:dyDescent="0.25">
      <c r="B44" s="93" t="s">
        <v>920</v>
      </c>
      <c r="C44" s="99" t="s">
        <v>925</v>
      </c>
      <c r="D44" s="100"/>
      <c r="E44" s="94" t="s">
        <v>927</v>
      </c>
      <c r="F44" s="95">
        <v>1</v>
      </c>
    </row>
    <row r="45" spans="2:6" s="2" customFormat="1" ht="24.95" customHeight="1" x14ac:dyDescent="0.25">
      <c r="B45" s="96" t="s">
        <v>921</v>
      </c>
      <c r="C45" s="101" t="s">
        <v>926</v>
      </c>
      <c r="D45" s="102"/>
      <c r="E45" s="97" t="s">
        <v>927</v>
      </c>
      <c r="F45" s="98">
        <v>1</v>
      </c>
    </row>
    <row r="46" spans="2:6" s="2" customFormat="1" ht="24.95" customHeight="1" x14ac:dyDescent="0.25">
      <c r="B46" s="39" t="s">
        <v>104</v>
      </c>
      <c r="C46" s="118" t="s">
        <v>539</v>
      </c>
      <c r="D46" s="119"/>
      <c r="E46" s="13" t="s">
        <v>928</v>
      </c>
      <c r="F46" s="40">
        <v>48</v>
      </c>
    </row>
    <row r="47" spans="2:6" s="2" customFormat="1" ht="24.95" customHeight="1" x14ac:dyDescent="0.25">
      <c r="B47" s="90" t="s">
        <v>540</v>
      </c>
      <c r="C47" s="103" t="s">
        <v>541</v>
      </c>
      <c r="D47" s="104"/>
      <c r="E47" s="91" t="s">
        <v>914</v>
      </c>
      <c r="F47" s="92" t="s">
        <v>914</v>
      </c>
    </row>
    <row r="48" spans="2:6" s="2" customFormat="1" ht="24.95" customHeight="1" x14ac:dyDescent="0.25">
      <c r="B48" s="93" t="s">
        <v>929</v>
      </c>
      <c r="C48" s="99" t="s">
        <v>936</v>
      </c>
      <c r="D48" s="100"/>
      <c r="E48" s="94" t="s">
        <v>542</v>
      </c>
      <c r="F48" s="95">
        <v>20</v>
      </c>
    </row>
    <row r="49" spans="2:7" s="2" customFormat="1" ht="24.95" customHeight="1" x14ac:dyDescent="0.25">
      <c r="B49" s="93" t="s">
        <v>930</v>
      </c>
      <c r="C49" s="99" t="s">
        <v>937</v>
      </c>
      <c r="D49" s="100"/>
      <c r="E49" s="94" t="s">
        <v>542</v>
      </c>
      <c r="F49" s="95">
        <v>60</v>
      </c>
    </row>
    <row r="50" spans="2:7" s="2" customFormat="1" ht="24.95" customHeight="1" x14ac:dyDescent="0.25">
      <c r="B50" s="93" t="s">
        <v>931</v>
      </c>
      <c r="C50" s="99" t="s">
        <v>938</v>
      </c>
      <c r="D50" s="100"/>
      <c r="E50" s="94" t="s">
        <v>542</v>
      </c>
      <c r="F50" s="95">
        <v>80</v>
      </c>
    </row>
    <row r="51" spans="2:7" s="2" customFormat="1" ht="24.95" customHeight="1" x14ac:dyDescent="0.25">
      <c r="B51" s="93" t="s">
        <v>932</v>
      </c>
      <c r="C51" s="99" t="s">
        <v>939</v>
      </c>
      <c r="D51" s="100"/>
      <c r="E51" s="94" t="s">
        <v>542</v>
      </c>
      <c r="F51" s="95">
        <v>1</v>
      </c>
    </row>
    <row r="52" spans="2:7" s="2" customFormat="1" ht="24.95" customHeight="1" x14ac:dyDescent="0.25">
      <c r="B52" s="93" t="s">
        <v>933</v>
      </c>
      <c r="C52" s="99" t="s">
        <v>940</v>
      </c>
      <c r="D52" s="100"/>
      <c r="E52" s="94" t="s">
        <v>542</v>
      </c>
      <c r="F52" s="95">
        <v>1</v>
      </c>
    </row>
    <row r="53" spans="2:7" s="2" customFormat="1" ht="24.95" customHeight="1" x14ac:dyDescent="0.25">
      <c r="B53" s="93" t="s">
        <v>934</v>
      </c>
      <c r="C53" s="99" t="s">
        <v>941</v>
      </c>
      <c r="D53" s="100"/>
      <c r="E53" s="94" t="s">
        <v>542</v>
      </c>
      <c r="F53" s="95">
        <v>1</v>
      </c>
    </row>
    <row r="54" spans="2:7" s="2" customFormat="1" ht="24.95" customHeight="1" x14ac:dyDescent="0.25">
      <c r="B54" s="96" t="s">
        <v>935</v>
      </c>
      <c r="C54" s="101" t="s">
        <v>942</v>
      </c>
      <c r="D54" s="102"/>
      <c r="E54" s="97" t="s">
        <v>943</v>
      </c>
      <c r="F54" s="98">
        <v>400</v>
      </c>
    </row>
    <row r="55" spans="2:7" s="2" customFormat="1" ht="4.5" customHeight="1" x14ac:dyDescent="0.25">
      <c r="B55" s="12"/>
      <c r="C55" s="12"/>
      <c r="D55" s="12"/>
      <c r="E55" s="12"/>
      <c r="F55" s="12"/>
    </row>
    <row r="56" spans="2:7" s="2" customFormat="1" ht="20.100000000000001" customHeight="1" x14ac:dyDescent="0.25">
      <c r="B56" s="115" t="s">
        <v>20</v>
      </c>
      <c r="C56" s="116"/>
      <c r="D56" s="12"/>
      <c r="E56" s="12"/>
      <c r="F56" s="12"/>
    </row>
    <row r="57" spans="2:7" s="2" customFormat="1" ht="20.100000000000001" customHeight="1" x14ac:dyDescent="0.2">
      <c r="B57" s="1"/>
      <c r="C57" s="2" t="s">
        <v>2</v>
      </c>
      <c r="D57" s="12"/>
      <c r="E57" s="12"/>
      <c r="F57" s="12"/>
    </row>
    <row r="58" spans="2:7" s="2" customFormat="1" ht="20.100000000000001" customHeight="1" x14ac:dyDescent="0.25">
      <c r="B58" s="11"/>
      <c r="C58" s="2" t="s">
        <v>3</v>
      </c>
      <c r="D58" s="12"/>
      <c r="E58" s="12"/>
      <c r="F58" s="12"/>
    </row>
    <row r="59" spans="2:7" ht="5.0999999999999996" customHeight="1" x14ac:dyDescent="0.2"/>
    <row r="60" spans="2:7" s="2" customFormat="1" ht="20.100000000000001" customHeight="1" x14ac:dyDescent="0.25">
      <c r="B60" s="108" t="s">
        <v>25</v>
      </c>
      <c r="C60" s="108"/>
      <c r="D60" s="108"/>
      <c r="E60" s="108"/>
      <c r="F60" s="108"/>
    </row>
    <row r="61" spans="2:7" s="2" customFormat="1" ht="5.0999999999999996" customHeight="1" thickBot="1" x14ac:dyDescent="0.3">
      <c r="B61" s="11"/>
      <c r="D61" s="6"/>
      <c r="E61" s="6"/>
      <c r="F61" s="6"/>
    </row>
    <row r="62" spans="2:7" s="3" customFormat="1" ht="93" customHeight="1" x14ac:dyDescent="0.25">
      <c r="B62" s="123" t="s">
        <v>0</v>
      </c>
      <c r="C62" s="124"/>
      <c r="D62" s="127" t="s">
        <v>27</v>
      </c>
      <c r="E62" s="128"/>
      <c r="F62" s="129"/>
      <c r="G62" s="20"/>
    </row>
    <row r="63" spans="2:7" s="3" customFormat="1" ht="30" customHeight="1" thickBot="1" x14ac:dyDescent="0.3">
      <c r="B63" s="125"/>
      <c r="C63" s="126"/>
      <c r="D63" s="21" t="s">
        <v>28</v>
      </c>
      <c r="E63" s="152" t="s">
        <v>29</v>
      </c>
      <c r="F63" s="153"/>
    </row>
    <row r="64" spans="2:7" s="22" customFormat="1" ht="30.75" customHeight="1" x14ac:dyDescent="0.25">
      <c r="B64" s="154" t="s">
        <v>106</v>
      </c>
      <c r="C64" s="155"/>
      <c r="D64" s="155"/>
      <c r="E64" s="155"/>
      <c r="F64" s="156"/>
    </row>
    <row r="65" spans="2:6" s="4" customFormat="1" ht="30" customHeight="1" x14ac:dyDescent="0.25">
      <c r="B65" s="47" t="s">
        <v>15</v>
      </c>
      <c r="C65" s="62" t="s">
        <v>277</v>
      </c>
      <c r="D65" s="13"/>
      <c r="E65" s="105"/>
      <c r="F65" s="106"/>
    </row>
    <row r="66" spans="2:6" s="4" customFormat="1" ht="30" customHeight="1" x14ac:dyDescent="0.25">
      <c r="B66" s="48" t="s">
        <v>107</v>
      </c>
      <c r="C66" s="62" t="s">
        <v>278</v>
      </c>
      <c r="D66" s="13"/>
      <c r="E66" s="105"/>
      <c r="F66" s="106"/>
    </row>
    <row r="67" spans="2:6" s="4" customFormat="1" ht="24.95" customHeight="1" x14ac:dyDescent="0.25">
      <c r="B67" s="48" t="s">
        <v>108</v>
      </c>
      <c r="C67" s="62" t="s">
        <v>279</v>
      </c>
      <c r="D67" s="13"/>
      <c r="E67" s="105"/>
      <c r="F67" s="106"/>
    </row>
    <row r="68" spans="2:6" s="4" customFormat="1" ht="24.95" customHeight="1" x14ac:dyDescent="0.25">
      <c r="B68" s="48" t="s">
        <v>109</v>
      </c>
      <c r="C68" s="62" t="s">
        <v>280</v>
      </c>
      <c r="D68" s="13"/>
      <c r="E68" s="105"/>
      <c r="F68" s="106"/>
    </row>
    <row r="69" spans="2:6" s="4" customFormat="1" ht="30" customHeight="1" x14ac:dyDescent="0.25">
      <c r="B69" s="48" t="s">
        <v>110</v>
      </c>
      <c r="C69" s="62" t="s">
        <v>281</v>
      </c>
      <c r="D69" s="13"/>
      <c r="E69" s="105"/>
      <c r="F69" s="106"/>
    </row>
    <row r="70" spans="2:6" s="4" customFormat="1" ht="25.5" x14ac:dyDescent="0.25">
      <c r="B70" s="48" t="s">
        <v>111</v>
      </c>
      <c r="C70" s="62" t="s">
        <v>282</v>
      </c>
      <c r="D70" s="13"/>
      <c r="E70" s="105"/>
      <c r="F70" s="106"/>
    </row>
    <row r="71" spans="2:6" s="4" customFormat="1" ht="24.95" customHeight="1" x14ac:dyDescent="0.25">
      <c r="B71" s="48" t="s">
        <v>112</v>
      </c>
      <c r="C71" s="62" t="s">
        <v>283</v>
      </c>
      <c r="D71" s="13"/>
      <c r="E71" s="105"/>
      <c r="F71" s="106"/>
    </row>
    <row r="72" spans="2:6" s="4" customFormat="1" ht="24.95" customHeight="1" x14ac:dyDescent="0.25">
      <c r="B72" s="48" t="s">
        <v>113</v>
      </c>
      <c r="C72" s="62" t="s">
        <v>284</v>
      </c>
      <c r="D72" s="13"/>
      <c r="E72" s="105"/>
      <c r="F72" s="106"/>
    </row>
    <row r="73" spans="2:6" s="4" customFormat="1" ht="24.95" customHeight="1" x14ac:dyDescent="0.25">
      <c r="B73" s="48" t="s">
        <v>114</v>
      </c>
      <c r="C73" s="62" t="s">
        <v>285</v>
      </c>
      <c r="D73" s="13"/>
      <c r="E73" s="105"/>
      <c r="F73" s="106"/>
    </row>
    <row r="74" spans="2:6" s="4" customFormat="1" ht="25.5" x14ac:dyDescent="0.25">
      <c r="B74" s="48" t="s">
        <v>115</v>
      </c>
      <c r="C74" s="76" t="s">
        <v>286</v>
      </c>
      <c r="D74" s="13"/>
      <c r="E74" s="105"/>
      <c r="F74" s="106"/>
    </row>
    <row r="75" spans="2:6" s="4" customFormat="1" ht="24.95" customHeight="1" x14ac:dyDescent="0.25">
      <c r="B75" s="48" t="s">
        <v>116</v>
      </c>
      <c r="C75" s="62" t="s">
        <v>287</v>
      </c>
      <c r="D75" s="13"/>
      <c r="E75" s="105"/>
      <c r="F75" s="106"/>
    </row>
    <row r="76" spans="2:6" s="4" customFormat="1" ht="25.5" x14ac:dyDescent="0.25">
      <c r="B76" s="48" t="s">
        <v>117</v>
      </c>
      <c r="C76" s="62" t="s">
        <v>288</v>
      </c>
      <c r="D76" s="13"/>
      <c r="E76" s="105"/>
      <c r="F76" s="106"/>
    </row>
    <row r="77" spans="2:6" s="4" customFormat="1" ht="38.25" x14ac:dyDescent="0.25">
      <c r="B77" s="48" t="s">
        <v>543</v>
      </c>
      <c r="C77" s="62" t="s">
        <v>544</v>
      </c>
      <c r="D77" s="13"/>
      <c r="E77" s="105"/>
      <c r="F77" s="106"/>
    </row>
    <row r="78" spans="2:6" s="4" customFormat="1" ht="76.5" x14ac:dyDescent="0.25">
      <c r="B78" s="48" t="s">
        <v>545</v>
      </c>
      <c r="C78" s="62" t="s">
        <v>546</v>
      </c>
      <c r="D78" s="13"/>
      <c r="E78" s="105"/>
      <c r="F78" s="106"/>
    </row>
    <row r="79" spans="2:6" s="4" customFormat="1" ht="25.5" x14ac:dyDescent="0.25">
      <c r="B79" s="48" t="s">
        <v>547</v>
      </c>
      <c r="C79" s="62" t="s">
        <v>548</v>
      </c>
      <c r="D79" s="13"/>
      <c r="E79" s="105"/>
      <c r="F79" s="106"/>
    </row>
    <row r="80" spans="2:6" s="4" customFormat="1" ht="25.5" x14ac:dyDescent="0.25">
      <c r="B80" s="48" t="s">
        <v>549</v>
      </c>
      <c r="C80" s="62" t="s">
        <v>550</v>
      </c>
      <c r="D80" s="13"/>
      <c r="E80" s="105"/>
      <c r="F80" s="106"/>
    </row>
    <row r="81" spans="2:6" s="4" customFormat="1" ht="25.5" x14ac:dyDescent="0.25">
      <c r="B81" s="48" t="s">
        <v>551</v>
      </c>
      <c r="C81" s="62" t="s">
        <v>552</v>
      </c>
      <c r="D81" s="13"/>
      <c r="E81" s="105"/>
      <c r="F81" s="106"/>
    </row>
    <row r="82" spans="2:6" s="4" customFormat="1" ht="30" customHeight="1" x14ac:dyDescent="0.25">
      <c r="B82" s="48" t="s">
        <v>553</v>
      </c>
      <c r="C82" s="62" t="s">
        <v>554</v>
      </c>
      <c r="D82" s="13"/>
      <c r="E82" s="105"/>
      <c r="F82" s="106"/>
    </row>
    <row r="83" spans="2:6" s="4" customFormat="1" ht="25.5" x14ac:dyDescent="0.25">
      <c r="B83" s="48" t="s">
        <v>555</v>
      </c>
      <c r="C83" s="62" t="s">
        <v>556</v>
      </c>
      <c r="D83" s="13"/>
      <c r="E83" s="105"/>
      <c r="F83" s="106"/>
    </row>
    <row r="84" spans="2:6" s="4" customFormat="1" ht="25.5" x14ac:dyDescent="0.25">
      <c r="B84" s="48" t="s">
        <v>557</v>
      </c>
      <c r="C84" s="62" t="s">
        <v>558</v>
      </c>
      <c r="D84" s="13"/>
      <c r="E84" s="105"/>
      <c r="F84" s="106"/>
    </row>
    <row r="85" spans="2:6" s="4" customFormat="1" ht="51" x14ac:dyDescent="0.25">
      <c r="B85" s="48" t="s">
        <v>559</v>
      </c>
      <c r="C85" s="62" t="s">
        <v>560</v>
      </c>
      <c r="D85" s="13"/>
      <c r="E85" s="105"/>
      <c r="F85" s="106"/>
    </row>
    <row r="86" spans="2:6" s="4" customFormat="1" ht="38.25" x14ac:dyDescent="0.25">
      <c r="B86" s="48" t="s">
        <v>561</v>
      </c>
      <c r="C86" s="62" t="s">
        <v>562</v>
      </c>
      <c r="D86" s="13"/>
      <c r="E86" s="105"/>
      <c r="F86" s="106"/>
    </row>
    <row r="87" spans="2:6" s="4" customFormat="1" ht="25.5" x14ac:dyDescent="0.25">
      <c r="B87" s="48" t="s">
        <v>563</v>
      </c>
      <c r="C87" s="62" t="s">
        <v>564</v>
      </c>
      <c r="D87" s="13"/>
      <c r="E87" s="105"/>
      <c r="F87" s="106"/>
    </row>
    <row r="88" spans="2:6" s="4" customFormat="1" ht="30" customHeight="1" x14ac:dyDescent="0.25">
      <c r="B88" s="48" t="s">
        <v>565</v>
      </c>
      <c r="C88" s="77" t="s">
        <v>566</v>
      </c>
      <c r="D88" s="13"/>
      <c r="E88" s="105"/>
      <c r="F88" s="106"/>
    </row>
    <row r="89" spans="2:6" s="22" customFormat="1" ht="30.75" customHeight="1" x14ac:dyDescent="0.25">
      <c r="B89" s="134" t="s">
        <v>567</v>
      </c>
      <c r="C89" s="135"/>
      <c r="D89" s="135"/>
      <c r="E89" s="135"/>
      <c r="F89" s="136"/>
    </row>
    <row r="90" spans="2:6" s="4" customFormat="1" ht="63.75" x14ac:dyDescent="0.25">
      <c r="B90" s="47" t="s">
        <v>56</v>
      </c>
      <c r="C90" s="62" t="s">
        <v>568</v>
      </c>
      <c r="D90" s="13"/>
      <c r="E90" s="105"/>
      <c r="F90" s="106"/>
    </row>
    <row r="91" spans="2:6" s="4" customFormat="1" ht="24.95" customHeight="1" x14ac:dyDescent="0.25">
      <c r="B91" s="48" t="s">
        <v>118</v>
      </c>
      <c r="C91" s="62" t="s">
        <v>289</v>
      </c>
      <c r="D91" s="13"/>
      <c r="E91" s="105"/>
      <c r="F91" s="106"/>
    </row>
    <row r="92" spans="2:6" s="4" customFormat="1" ht="24.95" customHeight="1" x14ac:dyDescent="0.25">
      <c r="B92" s="48" t="s">
        <v>119</v>
      </c>
      <c r="C92" s="62" t="s">
        <v>290</v>
      </c>
      <c r="D92" s="13"/>
      <c r="E92" s="105"/>
      <c r="F92" s="106"/>
    </row>
    <row r="93" spans="2:6" s="4" customFormat="1" ht="24.95" customHeight="1" x14ac:dyDescent="0.25">
      <c r="B93" s="48" t="s">
        <v>120</v>
      </c>
      <c r="C93" s="62" t="s">
        <v>291</v>
      </c>
      <c r="D93" s="13"/>
      <c r="E93" s="105"/>
      <c r="F93" s="106"/>
    </row>
    <row r="94" spans="2:6" s="4" customFormat="1" ht="24.95" customHeight="1" x14ac:dyDescent="0.25">
      <c r="B94" s="48" t="s">
        <v>121</v>
      </c>
      <c r="C94" s="62" t="s">
        <v>292</v>
      </c>
      <c r="D94" s="13"/>
      <c r="E94" s="105"/>
      <c r="F94" s="106"/>
    </row>
    <row r="95" spans="2:6" s="4" customFormat="1" ht="24.95" customHeight="1" x14ac:dyDescent="0.25">
      <c r="B95" s="48" t="s">
        <v>122</v>
      </c>
      <c r="C95" s="62" t="s">
        <v>293</v>
      </c>
      <c r="D95" s="13"/>
      <c r="E95" s="105"/>
      <c r="F95" s="106"/>
    </row>
    <row r="96" spans="2:6" s="4" customFormat="1" ht="30" customHeight="1" x14ac:dyDescent="0.25">
      <c r="B96" s="48" t="s">
        <v>123</v>
      </c>
      <c r="C96" s="62" t="s">
        <v>569</v>
      </c>
      <c r="D96" s="13"/>
      <c r="E96" s="105"/>
      <c r="F96" s="106"/>
    </row>
    <row r="97" spans="2:6" s="4" customFormat="1" ht="30" customHeight="1" x14ac:dyDescent="0.25">
      <c r="B97" s="48" t="s">
        <v>124</v>
      </c>
      <c r="C97" s="62" t="s">
        <v>570</v>
      </c>
      <c r="D97" s="13"/>
      <c r="E97" s="105"/>
      <c r="F97" s="106"/>
    </row>
    <row r="98" spans="2:6" s="4" customFormat="1" ht="44.25" customHeight="1" x14ac:dyDescent="0.25">
      <c r="B98" s="48" t="s">
        <v>125</v>
      </c>
      <c r="C98" s="62" t="s">
        <v>294</v>
      </c>
      <c r="D98" s="13"/>
      <c r="E98" s="105"/>
      <c r="F98" s="106"/>
    </row>
    <row r="99" spans="2:6" s="4" customFormat="1" ht="55.5" customHeight="1" x14ac:dyDescent="0.25">
      <c r="B99" s="48" t="s">
        <v>126</v>
      </c>
      <c r="C99" s="62" t="s">
        <v>295</v>
      </c>
      <c r="D99" s="13"/>
      <c r="E99" s="105"/>
      <c r="F99" s="106"/>
    </row>
    <row r="100" spans="2:6" s="4" customFormat="1" ht="24.95" customHeight="1" x14ac:dyDescent="0.25">
      <c r="B100" s="48" t="s">
        <v>127</v>
      </c>
      <c r="C100" s="63" t="s">
        <v>571</v>
      </c>
      <c r="D100" s="13"/>
      <c r="E100" s="105"/>
      <c r="F100" s="106"/>
    </row>
    <row r="101" spans="2:6" s="4" customFormat="1" ht="69" customHeight="1" x14ac:dyDescent="0.25">
      <c r="B101" s="49" t="s">
        <v>128</v>
      </c>
      <c r="C101" s="62" t="s">
        <v>296</v>
      </c>
      <c r="D101" s="13"/>
      <c r="E101" s="105"/>
      <c r="F101" s="106"/>
    </row>
    <row r="102" spans="2:6" s="4" customFormat="1" ht="173.25" customHeight="1" x14ac:dyDescent="0.25">
      <c r="B102" s="49" t="s">
        <v>129</v>
      </c>
      <c r="C102" s="62" t="s">
        <v>297</v>
      </c>
      <c r="D102" s="13"/>
      <c r="E102" s="105"/>
      <c r="F102" s="106"/>
    </row>
    <row r="103" spans="2:6" s="4" customFormat="1" ht="101.25" customHeight="1" x14ac:dyDescent="0.25">
      <c r="B103" s="49" t="s">
        <v>130</v>
      </c>
      <c r="C103" s="62" t="s">
        <v>572</v>
      </c>
      <c r="D103" s="13"/>
      <c r="E103" s="105"/>
      <c r="F103" s="106"/>
    </row>
    <row r="104" spans="2:6" s="4" customFormat="1" ht="45" customHeight="1" x14ac:dyDescent="0.25">
      <c r="B104" s="49" t="s">
        <v>131</v>
      </c>
      <c r="C104" s="62" t="s">
        <v>298</v>
      </c>
      <c r="D104" s="13"/>
      <c r="E104" s="105"/>
      <c r="F104" s="106"/>
    </row>
    <row r="105" spans="2:6" s="4" customFormat="1" ht="75.75" customHeight="1" x14ac:dyDescent="0.25">
      <c r="B105" s="48" t="s">
        <v>132</v>
      </c>
      <c r="C105" s="62" t="s">
        <v>133</v>
      </c>
      <c r="D105" s="13"/>
      <c r="E105" s="105"/>
      <c r="F105" s="106"/>
    </row>
    <row r="106" spans="2:6" s="4" customFormat="1" ht="38.25" x14ac:dyDescent="0.25">
      <c r="B106" s="48" t="s">
        <v>134</v>
      </c>
      <c r="C106" s="62" t="s">
        <v>573</v>
      </c>
      <c r="D106" s="13"/>
      <c r="E106" s="105"/>
      <c r="F106" s="106"/>
    </row>
    <row r="107" spans="2:6" s="4" customFormat="1" ht="25.5" x14ac:dyDescent="0.25">
      <c r="B107" s="48" t="s">
        <v>135</v>
      </c>
      <c r="C107" s="62" t="s">
        <v>574</v>
      </c>
      <c r="D107" s="13"/>
      <c r="E107" s="105"/>
      <c r="F107" s="106"/>
    </row>
    <row r="108" spans="2:6" s="4" customFormat="1" ht="25.5" x14ac:dyDescent="0.25">
      <c r="B108" s="48" t="s">
        <v>136</v>
      </c>
      <c r="C108" s="62" t="s">
        <v>137</v>
      </c>
      <c r="D108" s="13"/>
      <c r="E108" s="105"/>
      <c r="F108" s="106"/>
    </row>
    <row r="109" spans="2:6" s="4" customFormat="1" ht="45.75" customHeight="1" x14ac:dyDescent="0.25">
      <c r="B109" s="48" t="s">
        <v>138</v>
      </c>
      <c r="C109" s="62" t="s">
        <v>139</v>
      </c>
      <c r="D109" s="13"/>
      <c r="E109" s="105"/>
      <c r="F109" s="106"/>
    </row>
    <row r="110" spans="2:6" s="4" customFormat="1" ht="35.25" customHeight="1" x14ac:dyDescent="0.25">
      <c r="B110" s="48" t="s">
        <v>140</v>
      </c>
      <c r="C110" s="62" t="s">
        <v>141</v>
      </c>
      <c r="D110" s="13"/>
      <c r="E110" s="105"/>
      <c r="F110" s="106"/>
    </row>
    <row r="111" spans="2:6" s="4" customFormat="1" ht="30.75" customHeight="1" x14ac:dyDescent="0.25">
      <c r="B111" s="48" t="s">
        <v>142</v>
      </c>
      <c r="C111" s="63" t="s">
        <v>575</v>
      </c>
      <c r="D111" s="13"/>
      <c r="E111" s="105"/>
      <c r="F111" s="106"/>
    </row>
    <row r="112" spans="2:6" s="4" customFormat="1" ht="30" customHeight="1" x14ac:dyDescent="0.25">
      <c r="B112" s="49" t="s">
        <v>143</v>
      </c>
      <c r="C112" s="62" t="s">
        <v>299</v>
      </c>
      <c r="D112" s="13"/>
      <c r="E112" s="105"/>
      <c r="F112" s="106"/>
    </row>
    <row r="113" spans="2:6" s="4" customFormat="1" ht="30" customHeight="1" x14ac:dyDescent="0.25">
      <c r="B113" s="49" t="s">
        <v>144</v>
      </c>
      <c r="C113" s="62" t="s">
        <v>300</v>
      </c>
      <c r="D113" s="13"/>
      <c r="E113" s="105"/>
      <c r="F113" s="106"/>
    </row>
    <row r="114" spans="2:6" s="4" customFormat="1" ht="30" customHeight="1" x14ac:dyDescent="0.25">
      <c r="B114" s="49" t="s">
        <v>145</v>
      </c>
      <c r="C114" s="62" t="s">
        <v>576</v>
      </c>
      <c r="D114" s="13"/>
      <c r="E114" s="105"/>
      <c r="F114" s="106"/>
    </row>
    <row r="115" spans="2:6" s="4" customFormat="1" ht="30" customHeight="1" x14ac:dyDescent="0.25">
      <c r="B115" s="49" t="s">
        <v>146</v>
      </c>
      <c r="C115" s="62" t="s">
        <v>301</v>
      </c>
      <c r="D115" s="13"/>
      <c r="E115" s="105"/>
      <c r="F115" s="106"/>
    </row>
    <row r="116" spans="2:6" s="4" customFormat="1" ht="24.95" customHeight="1" x14ac:dyDescent="0.25">
      <c r="B116" s="49" t="s">
        <v>147</v>
      </c>
      <c r="C116" s="62" t="s">
        <v>302</v>
      </c>
      <c r="D116" s="13"/>
      <c r="E116" s="105"/>
      <c r="F116" s="106"/>
    </row>
    <row r="117" spans="2:6" s="4" customFormat="1" ht="25.5" x14ac:dyDescent="0.25">
      <c r="B117" s="49" t="s">
        <v>148</v>
      </c>
      <c r="C117" s="62" t="s">
        <v>577</v>
      </c>
      <c r="D117" s="13"/>
      <c r="E117" s="105"/>
      <c r="F117" s="106"/>
    </row>
    <row r="118" spans="2:6" s="4" customFormat="1" ht="24.95" customHeight="1" x14ac:dyDescent="0.25">
      <c r="B118" s="49" t="s">
        <v>149</v>
      </c>
      <c r="C118" s="62" t="s">
        <v>578</v>
      </c>
      <c r="D118" s="13"/>
      <c r="E118" s="105"/>
      <c r="F118" s="106"/>
    </row>
    <row r="119" spans="2:6" s="4" customFormat="1" ht="30" customHeight="1" x14ac:dyDescent="0.25">
      <c r="B119" s="49" t="s">
        <v>150</v>
      </c>
      <c r="C119" s="62" t="s">
        <v>303</v>
      </c>
      <c r="D119" s="13"/>
      <c r="E119" s="105"/>
      <c r="F119" s="106"/>
    </row>
    <row r="120" spans="2:6" s="4" customFormat="1" ht="65.25" customHeight="1" x14ac:dyDescent="0.25">
      <c r="B120" s="49" t="s">
        <v>151</v>
      </c>
      <c r="C120" s="62" t="s">
        <v>304</v>
      </c>
      <c r="D120" s="13"/>
      <c r="E120" s="105"/>
      <c r="F120" s="106"/>
    </row>
    <row r="121" spans="2:6" s="4" customFormat="1" ht="51" x14ac:dyDescent="0.25">
      <c r="B121" s="49" t="s">
        <v>152</v>
      </c>
      <c r="C121" s="62" t="s">
        <v>305</v>
      </c>
      <c r="D121" s="13"/>
      <c r="E121" s="105"/>
      <c r="F121" s="106"/>
    </row>
    <row r="122" spans="2:6" s="4" customFormat="1" ht="30" customHeight="1" x14ac:dyDescent="0.25">
      <c r="B122" s="49" t="s">
        <v>153</v>
      </c>
      <c r="C122" s="62" t="s">
        <v>306</v>
      </c>
      <c r="D122" s="13"/>
      <c r="E122" s="105"/>
      <c r="F122" s="106"/>
    </row>
    <row r="123" spans="2:6" s="4" customFormat="1" ht="30" customHeight="1" x14ac:dyDescent="0.25">
      <c r="B123" s="49" t="s">
        <v>154</v>
      </c>
      <c r="C123" s="62" t="s">
        <v>307</v>
      </c>
      <c r="D123" s="13"/>
      <c r="E123" s="105"/>
      <c r="F123" s="106"/>
    </row>
    <row r="124" spans="2:6" s="4" customFormat="1" ht="51" x14ac:dyDescent="0.25">
      <c r="B124" s="49" t="s">
        <v>155</v>
      </c>
      <c r="C124" s="62" t="s">
        <v>308</v>
      </c>
      <c r="D124" s="13"/>
      <c r="E124" s="105"/>
      <c r="F124" s="106"/>
    </row>
    <row r="125" spans="2:6" s="4" customFormat="1" ht="34.5" customHeight="1" x14ac:dyDescent="0.25">
      <c r="B125" s="49" t="s">
        <v>156</v>
      </c>
      <c r="C125" s="62" t="s">
        <v>309</v>
      </c>
      <c r="D125" s="13"/>
      <c r="E125" s="105"/>
      <c r="F125" s="106"/>
    </row>
    <row r="126" spans="2:6" s="4" customFormat="1" ht="25.5" customHeight="1" x14ac:dyDescent="0.25">
      <c r="B126" s="49" t="s">
        <v>157</v>
      </c>
      <c r="C126" s="62" t="s">
        <v>310</v>
      </c>
      <c r="D126" s="13"/>
      <c r="E126" s="105"/>
      <c r="F126" s="106"/>
    </row>
    <row r="127" spans="2:6" s="4" customFormat="1" ht="30" customHeight="1" x14ac:dyDescent="0.25">
      <c r="B127" s="49" t="s">
        <v>158</v>
      </c>
      <c r="C127" s="62" t="s">
        <v>311</v>
      </c>
      <c r="D127" s="13"/>
      <c r="E127" s="105"/>
      <c r="F127" s="106"/>
    </row>
    <row r="128" spans="2:6" s="4" customFormat="1" ht="30" customHeight="1" x14ac:dyDescent="0.25">
      <c r="B128" s="49" t="s">
        <v>159</v>
      </c>
      <c r="C128" s="62" t="s">
        <v>312</v>
      </c>
      <c r="D128" s="13"/>
      <c r="E128" s="105"/>
      <c r="F128" s="106"/>
    </row>
    <row r="129" spans="2:6" s="4" customFormat="1" ht="40.5" customHeight="1" x14ac:dyDescent="0.25">
      <c r="B129" s="49" t="s">
        <v>160</v>
      </c>
      <c r="C129" s="62" t="s">
        <v>579</v>
      </c>
      <c r="D129" s="13"/>
      <c r="E129" s="105"/>
      <c r="F129" s="106"/>
    </row>
    <row r="130" spans="2:6" s="4" customFormat="1" ht="24.95" customHeight="1" x14ac:dyDescent="0.25">
      <c r="B130" s="49" t="s">
        <v>161</v>
      </c>
      <c r="C130" s="62" t="s">
        <v>313</v>
      </c>
      <c r="D130" s="13"/>
      <c r="E130" s="105"/>
      <c r="F130" s="106"/>
    </row>
    <row r="131" spans="2:6" s="4" customFormat="1" ht="24.95" customHeight="1" x14ac:dyDescent="0.25">
      <c r="B131" s="49" t="s">
        <v>162</v>
      </c>
      <c r="C131" s="62" t="s">
        <v>314</v>
      </c>
      <c r="D131" s="13"/>
      <c r="E131" s="105"/>
      <c r="F131" s="106"/>
    </row>
    <row r="132" spans="2:6" s="4" customFormat="1" ht="24.95" customHeight="1" x14ac:dyDescent="0.25">
      <c r="B132" s="49" t="s">
        <v>163</v>
      </c>
      <c r="C132" s="62" t="s">
        <v>315</v>
      </c>
      <c r="D132" s="13"/>
      <c r="E132" s="105"/>
      <c r="F132" s="106"/>
    </row>
    <row r="133" spans="2:6" s="4" customFormat="1" ht="24.95" customHeight="1" x14ac:dyDescent="0.25">
      <c r="B133" s="49" t="s">
        <v>164</v>
      </c>
      <c r="C133" s="62" t="s">
        <v>316</v>
      </c>
      <c r="D133" s="13"/>
      <c r="E133" s="105"/>
      <c r="F133" s="106"/>
    </row>
    <row r="134" spans="2:6" s="4" customFormat="1" ht="30" customHeight="1" x14ac:dyDescent="0.25">
      <c r="B134" s="49" t="s">
        <v>165</v>
      </c>
      <c r="C134" s="62" t="s">
        <v>317</v>
      </c>
      <c r="D134" s="13"/>
      <c r="E134" s="105"/>
      <c r="F134" s="106"/>
    </row>
    <row r="135" spans="2:6" s="4" customFormat="1" ht="24.95" customHeight="1" x14ac:dyDescent="0.25">
      <c r="B135" s="49" t="s">
        <v>166</v>
      </c>
      <c r="C135" s="62" t="s">
        <v>318</v>
      </c>
      <c r="D135" s="13"/>
      <c r="E135" s="105"/>
      <c r="F135" s="106"/>
    </row>
    <row r="136" spans="2:6" s="4" customFormat="1" ht="38.25" x14ac:dyDescent="0.25">
      <c r="B136" s="49" t="s">
        <v>167</v>
      </c>
      <c r="C136" s="62" t="s">
        <v>319</v>
      </c>
      <c r="D136" s="13"/>
      <c r="E136" s="105"/>
      <c r="F136" s="106"/>
    </row>
    <row r="137" spans="2:6" s="4" customFormat="1" ht="92.25" customHeight="1" x14ac:dyDescent="0.25">
      <c r="B137" s="48" t="s">
        <v>168</v>
      </c>
      <c r="C137" s="62" t="s">
        <v>580</v>
      </c>
      <c r="D137" s="13"/>
      <c r="E137" s="105"/>
      <c r="F137" s="106"/>
    </row>
    <row r="138" spans="2:6" s="4" customFormat="1" ht="24.95" customHeight="1" x14ac:dyDescent="0.25">
      <c r="B138" s="49" t="s">
        <v>169</v>
      </c>
      <c r="C138" s="62" t="s">
        <v>299</v>
      </c>
      <c r="D138" s="13"/>
      <c r="E138" s="105"/>
      <c r="F138" s="106"/>
    </row>
    <row r="139" spans="2:6" s="4" customFormat="1" ht="24.95" customHeight="1" x14ac:dyDescent="0.25">
      <c r="B139" s="49" t="s">
        <v>170</v>
      </c>
      <c r="C139" s="62" t="s">
        <v>300</v>
      </c>
      <c r="D139" s="13"/>
      <c r="E139" s="105"/>
      <c r="F139" s="106"/>
    </row>
    <row r="140" spans="2:6" s="4" customFormat="1" ht="24.95" customHeight="1" x14ac:dyDescent="0.25">
      <c r="B140" s="49" t="s">
        <v>171</v>
      </c>
      <c r="C140" s="62" t="s">
        <v>320</v>
      </c>
      <c r="D140" s="13"/>
      <c r="E140" s="105"/>
      <c r="F140" s="106"/>
    </row>
    <row r="141" spans="2:6" s="4" customFormat="1" ht="31.5" customHeight="1" x14ac:dyDescent="0.25">
      <c r="B141" s="49" t="s">
        <v>172</v>
      </c>
      <c r="C141" s="62" t="s">
        <v>581</v>
      </c>
      <c r="D141" s="13"/>
      <c r="E141" s="105"/>
      <c r="F141" s="106"/>
    </row>
    <row r="142" spans="2:6" s="4" customFormat="1" ht="48.75" customHeight="1" x14ac:dyDescent="0.25">
      <c r="B142" s="49" t="s">
        <v>173</v>
      </c>
      <c r="C142" s="62" t="s">
        <v>321</v>
      </c>
      <c r="D142" s="13"/>
      <c r="E142" s="105"/>
      <c r="F142" s="106"/>
    </row>
    <row r="143" spans="2:6" s="4" customFormat="1" ht="24.95" customHeight="1" x14ac:dyDescent="0.25">
      <c r="B143" s="49" t="s">
        <v>174</v>
      </c>
      <c r="C143" s="62" t="s">
        <v>311</v>
      </c>
      <c r="D143" s="13"/>
      <c r="E143" s="105"/>
      <c r="F143" s="106"/>
    </row>
    <row r="144" spans="2:6" s="4" customFormat="1" ht="25.5" x14ac:dyDescent="0.25">
      <c r="B144" s="49" t="s">
        <v>175</v>
      </c>
      <c r="C144" s="62" t="s">
        <v>582</v>
      </c>
      <c r="D144" s="13"/>
      <c r="E144" s="105"/>
      <c r="F144" s="106"/>
    </row>
    <row r="145" spans="2:6" s="4" customFormat="1" ht="24.95" customHeight="1" x14ac:dyDescent="0.25">
      <c r="B145" s="49" t="s">
        <v>176</v>
      </c>
      <c r="C145" s="62" t="s">
        <v>322</v>
      </c>
      <c r="D145" s="13"/>
      <c r="E145" s="105"/>
      <c r="F145" s="106"/>
    </row>
    <row r="146" spans="2:6" s="4" customFormat="1" ht="30" customHeight="1" x14ac:dyDescent="0.25">
      <c r="B146" s="49" t="s">
        <v>177</v>
      </c>
      <c r="C146" s="62" t="s">
        <v>317</v>
      </c>
      <c r="D146" s="13"/>
      <c r="E146" s="105"/>
      <c r="F146" s="106"/>
    </row>
    <row r="147" spans="2:6" s="4" customFormat="1" ht="42" customHeight="1" x14ac:dyDescent="0.25">
      <c r="B147" s="49" t="s">
        <v>178</v>
      </c>
      <c r="C147" s="62" t="s">
        <v>319</v>
      </c>
      <c r="D147" s="13"/>
      <c r="E147" s="105"/>
      <c r="F147" s="106"/>
    </row>
    <row r="148" spans="2:6" s="4" customFormat="1" ht="24.95" customHeight="1" x14ac:dyDescent="0.25">
      <c r="B148" s="49" t="s">
        <v>179</v>
      </c>
      <c r="C148" s="62" t="s">
        <v>323</v>
      </c>
      <c r="D148" s="13"/>
      <c r="E148" s="105"/>
      <c r="F148" s="106"/>
    </row>
    <row r="149" spans="2:6" s="4" customFormat="1" ht="30" customHeight="1" x14ac:dyDescent="0.25">
      <c r="B149" s="49" t="s">
        <v>180</v>
      </c>
      <c r="C149" s="62" t="s">
        <v>324</v>
      </c>
      <c r="D149" s="13"/>
      <c r="E149" s="105"/>
      <c r="F149" s="106"/>
    </row>
    <row r="150" spans="2:6" s="4" customFormat="1" ht="24.95" customHeight="1" x14ac:dyDescent="0.25">
      <c r="B150" s="49" t="s">
        <v>181</v>
      </c>
      <c r="C150" s="62" t="s">
        <v>325</v>
      </c>
      <c r="D150" s="13"/>
      <c r="E150" s="105"/>
      <c r="F150" s="106"/>
    </row>
    <row r="151" spans="2:6" s="4" customFormat="1" ht="63.75" x14ac:dyDescent="0.25">
      <c r="B151" s="49" t="s">
        <v>182</v>
      </c>
      <c r="C151" s="62" t="s">
        <v>326</v>
      </c>
      <c r="D151" s="13"/>
      <c r="E151" s="105"/>
      <c r="F151" s="106"/>
    </row>
    <row r="152" spans="2:6" s="4" customFormat="1" ht="34.5" customHeight="1" x14ac:dyDescent="0.25">
      <c r="B152" s="49" t="s">
        <v>183</v>
      </c>
      <c r="C152" s="62" t="s">
        <v>307</v>
      </c>
      <c r="D152" s="13"/>
      <c r="E152" s="105"/>
      <c r="F152" s="106"/>
    </row>
    <row r="153" spans="2:6" s="4" customFormat="1" ht="27.75" customHeight="1" x14ac:dyDescent="0.25">
      <c r="B153" s="49" t="s">
        <v>184</v>
      </c>
      <c r="C153" s="62" t="s">
        <v>583</v>
      </c>
      <c r="D153" s="13"/>
      <c r="E153" s="105"/>
      <c r="F153" s="106"/>
    </row>
    <row r="154" spans="2:6" s="4" customFormat="1" ht="24.95" customHeight="1" x14ac:dyDescent="0.25">
      <c r="B154" s="48" t="s">
        <v>584</v>
      </c>
      <c r="C154" s="77" t="s">
        <v>585</v>
      </c>
      <c r="D154" s="13"/>
      <c r="E154" s="105"/>
      <c r="F154" s="106"/>
    </row>
    <row r="155" spans="2:6" s="4" customFormat="1" ht="51" x14ac:dyDescent="0.25">
      <c r="B155" s="49" t="s">
        <v>586</v>
      </c>
      <c r="C155" s="77" t="s">
        <v>587</v>
      </c>
      <c r="D155" s="13"/>
      <c r="E155" s="105"/>
      <c r="F155" s="106"/>
    </row>
    <row r="156" spans="2:6" s="4" customFormat="1" ht="38.25" customHeight="1" x14ac:dyDescent="0.25">
      <c r="B156" s="49" t="s">
        <v>588</v>
      </c>
      <c r="C156" s="77" t="s">
        <v>589</v>
      </c>
      <c r="D156" s="13"/>
      <c r="E156" s="105"/>
      <c r="F156" s="106"/>
    </row>
    <row r="157" spans="2:6" s="4" customFormat="1" ht="30" customHeight="1" x14ac:dyDescent="0.25">
      <c r="B157" s="49" t="s">
        <v>590</v>
      </c>
      <c r="C157" s="77" t="s">
        <v>591</v>
      </c>
      <c r="D157" s="13"/>
      <c r="E157" s="105"/>
      <c r="F157" s="106"/>
    </row>
    <row r="158" spans="2:6" s="4" customFormat="1" ht="30" customHeight="1" x14ac:dyDescent="0.25">
      <c r="B158" s="49" t="s">
        <v>592</v>
      </c>
      <c r="C158" s="77" t="s">
        <v>593</v>
      </c>
      <c r="D158" s="13"/>
      <c r="E158" s="105"/>
      <c r="F158" s="106"/>
    </row>
    <row r="159" spans="2:6" s="22" customFormat="1" ht="30.75" customHeight="1" x14ac:dyDescent="0.25">
      <c r="B159" s="134" t="s">
        <v>594</v>
      </c>
      <c r="C159" s="135"/>
      <c r="D159" s="135"/>
      <c r="E159" s="135"/>
      <c r="F159" s="136"/>
    </row>
    <row r="160" spans="2:6" s="4" customFormat="1" ht="34.5" customHeight="1" x14ac:dyDescent="0.25">
      <c r="B160" s="47" t="s">
        <v>57</v>
      </c>
      <c r="C160" s="62" t="s">
        <v>595</v>
      </c>
      <c r="D160" s="13"/>
      <c r="E160" s="105"/>
      <c r="F160" s="106"/>
    </row>
    <row r="161" spans="2:6" s="4" customFormat="1" ht="56.25" customHeight="1" x14ac:dyDescent="0.25">
      <c r="B161" s="48" t="s">
        <v>91</v>
      </c>
      <c r="C161" s="62" t="s">
        <v>596</v>
      </c>
      <c r="D161" s="13"/>
      <c r="E161" s="105"/>
      <c r="F161" s="106"/>
    </row>
    <row r="162" spans="2:6" s="4" customFormat="1" ht="67.5" customHeight="1" x14ac:dyDescent="0.25">
      <c r="B162" s="48" t="s">
        <v>597</v>
      </c>
      <c r="C162" s="62" t="s">
        <v>598</v>
      </c>
      <c r="D162" s="13"/>
      <c r="E162" s="105"/>
      <c r="F162" s="106"/>
    </row>
    <row r="163" spans="2:6" s="4" customFormat="1" ht="46.5" customHeight="1" x14ac:dyDescent="0.25">
      <c r="B163" s="48" t="s">
        <v>599</v>
      </c>
      <c r="C163" s="62" t="s">
        <v>600</v>
      </c>
      <c r="D163" s="13"/>
      <c r="E163" s="105"/>
      <c r="F163" s="106"/>
    </row>
    <row r="164" spans="2:6" s="4" customFormat="1" ht="35.1" customHeight="1" x14ac:dyDescent="0.25">
      <c r="B164" s="48" t="s">
        <v>601</v>
      </c>
      <c r="C164" s="62" t="s">
        <v>602</v>
      </c>
      <c r="D164" s="13"/>
      <c r="E164" s="105"/>
      <c r="F164" s="106"/>
    </row>
    <row r="165" spans="2:6" s="4" customFormat="1" ht="35.1" customHeight="1" x14ac:dyDescent="0.25">
      <c r="B165" s="48" t="s">
        <v>603</v>
      </c>
      <c r="C165" s="62" t="s">
        <v>604</v>
      </c>
      <c r="D165" s="13"/>
      <c r="E165" s="105"/>
      <c r="F165" s="106"/>
    </row>
    <row r="166" spans="2:6" s="4" customFormat="1" ht="35.1" customHeight="1" x14ac:dyDescent="0.25">
      <c r="B166" s="48" t="s">
        <v>327</v>
      </c>
      <c r="C166" s="62" t="s">
        <v>605</v>
      </c>
      <c r="D166" s="13"/>
      <c r="E166" s="105"/>
      <c r="F166" s="106"/>
    </row>
    <row r="167" spans="2:6" s="4" customFormat="1" ht="63" customHeight="1" x14ac:dyDescent="0.25">
      <c r="B167" s="48" t="s">
        <v>328</v>
      </c>
      <c r="C167" s="62" t="s">
        <v>329</v>
      </c>
      <c r="D167" s="13"/>
      <c r="E167" s="105"/>
      <c r="F167" s="106"/>
    </row>
    <row r="168" spans="2:6" s="4" customFormat="1" ht="58.5" customHeight="1" x14ac:dyDescent="0.25">
      <c r="B168" s="48" t="s">
        <v>330</v>
      </c>
      <c r="C168" s="62" t="s">
        <v>331</v>
      </c>
      <c r="D168" s="13"/>
      <c r="E168" s="105"/>
      <c r="F168" s="106"/>
    </row>
    <row r="169" spans="2:6" s="4" customFormat="1" ht="41.25" customHeight="1" x14ac:dyDescent="0.25">
      <c r="B169" s="48" t="s">
        <v>332</v>
      </c>
      <c r="C169" s="62" t="s">
        <v>333</v>
      </c>
      <c r="D169" s="13"/>
      <c r="E169" s="105"/>
      <c r="F169" s="106"/>
    </row>
    <row r="170" spans="2:6" s="4" customFormat="1" ht="44.25" customHeight="1" x14ac:dyDescent="0.25">
      <c r="B170" s="48" t="s">
        <v>334</v>
      </c>
      <c r="C170" s="62" t="s">
        <v>606</v>
      </c>
      <c r="D170" s="13"/>
      <c r="E170" s="105"/>
      <c r="F170" s="106"/>
    </row>
    <row r="171" spans="2:6" s="4" customFormat="1" ht="24.95" customHeight="1" x14ac:dyDescent="0.25">
      <c r="B171" s="48" t="s">
        <v>335</v>
      </c>
      <c r="C171" s="63" t="s">
        <v>336</v>
      </c>
      <c r="D171" s="13"/>
      <c r="E171" s="105"/>
      <c r="F171" s="106"/>
    </row>
    <row r="172" spans="2:6" s="4" customFormat="1" ht="33.75" customHeight="1" x14ac:dyDescent="0.25">
      <c r="B172" s="49" t="s">
        <v>337</v>
      </c>
      <c r="C172" s="62" t="s">
        <v>607</v>
      </c>
      <c r="D172" s="13"/>
      <c r="E172" s="105"/>
      <c r="F172" s="106"/>
    </row>
    <row r="173" spans="2:6" s="4" customFormat="1" ht="24.95" customHeight="1" x14ac:dyDescent="0.25">
      <c r="B173" s="49" t="s">
        <v>338</v>
      </c>
      <c r="C173" s="62" t="s">
        <v>339</v>
      </c>
      <c r="D173" s="13"/>
      <c r="E173" s="105"/>
      <c r="F173" s="106"/>
    </row>
    <row r="174" spans="2:6" s="4" customFormat="1" ht="24.95" customHeight="1" x14ac:dyDescent="0.25">
      <c r="B174" s="49" t="s">
        <v>340</v>
      </c>
      <c r="C174" s="62" t="s">
        <v>341</v>
      </c>
      <c r="D174" s="13"/>
      <c r="E174" s="105"/>
      <c r="F174" s="106"/>
    </row>
    <row r="175" spans="2:6" s="4" customFormat="1" ht="24.95" customHeight="1" x14ac:dyDescent="0.25">
      <c r="B175" s="49" t="s">
        <v>342</v>
      </c>
      <c r="C175" s="62" t="s">
        <v>343</v>
      </c>
      <c r="D175" s="13"/>
      <c r="E175" s="105"/>
      <c r="F175" s="106"/>
    </row>
    <row r="176" spans="2:6" s="4" customFormat="1" ht="24.95" customHeight="1" x14ac:dyDescent="0.25">
      <c r="B176" s="49" t="s">
        <v>344</v>
      </c>
      <c r="C176" s="62" t="s">
        <v>345</v>
      </c>
      <c r="D176" s="13"/>
      <c r="E176" s="105"/>
      <c r="F176" s="106"/>
    </row>
    <row r="177" spans="2:6" s="4" customFormat="1" ht="24.95" customHeight="1" x14ac:dyDescent="0.25">
      <c r="B177" s="49" t="s">
        <v>346</v>
      </c>
      <c r="C177" s="62" t="s">
        <v>347</v>
      </c>
      <c r="D177" s="13"/>
      <c r="E177" s="105"/>
      <c r="F177" s="106"/>
    </row>
    <row r="178" spans="2:6" s="4" customFormat="1" ht="24.95" customHeight="1" x14ac:dyDescent="0.25">
      <c r="B178" s="48" t="s">
        <v>348</v>
      </c>
      <c r="C178" s="63" t="s">
        <v>349</v>
      </c>
      <c r="D178" s="13"/>
      <c r="E178" s="105"/>
      <c r="F178" s="106"/>
    </row>
    <row r="179" spans="2:6" s="4" customFormat="1" ht="38.25" x14ac:dyDescent="0.25">
      <c r="B179" s="49" t="s">
        <v>350</v>
      </c>
      <c r="C179" s="62" t="s">
        <v>351</v>
      </c>
      <c r="D179" s="13"/>
      <c r="E179" s="105"/>
      <c r="F179" s="106"/>
    </row>
    <row r="180" spans="2:6" s="4" customFormat="1" ht="51" x14ac:dyDescent="0.25">
      <c r="B180" s="49" t="s">
        <v>352</v>
      </c>
      <c r="C180" s="62" t="s">
        <v>529</v>
      </c>
      <c r="D180" s="13"/>
      <c r="E180" s="105"/>
      <c r="F180" s="106"/>
    </row>
    <row r="181" spans="2:6" s="4" customFormat="1" ht="42.75" customHeight="1" x14ac:dyDescent="0.25">
      <c r="B181" s="48" t="s">
        <v>608</v>
      </c>
      <c r="C181" s="62" t="s">
        <v>609</v>
      </c>
      <c r="D181" s="13"/>
      <c r="E181" s="105"/>
      <c r="F181" s="106"/>
    </row>
    <row r="182" spans="2:6" s="4" customFormat="1" ht="34.5" customHeight="1" x14ac:dyDescent="0.25">
      <c r="B182" s="48" t="s">
        <v>610</v>
      </c>
      <c r="C182" s="62" t="s">
        <v>611</v>
      </c>
      <c r="D182" s="13"/>
      <c r="E182" s="105"/>
      <c r="F182" s="106"/>
    </row>
    <row r="183" spans="2:6" s="22" customFormat="1" ht="30.75" customHeight="1" x14ac:dyDescent="0.25">
      <c r="B183" s="134" t="s">
        <v>612</v>
      </c>
      <c r="C183" s="135"/>
      <c r="D183" s="135"/>
      <c r="E183" s="135"/>
      <c r="F183" s="136"/>
    </row>
    <row r="184" spans="2:6" s="4" customFormat="1" ht="42.75" customHeight="1" x14ac:dyDescent="0.25">
      <c r="B184" s="47" t="s">
        <v>58</v>
      </c>
      <c r="C184" s="62" t="s">
        <v>613</v>
      </c>
      <c r="D184" s="13"/>
      <c r="E184" s="105"/>
      <c r="F184" s="106"/>
    </row>
    <row r="185" spans="2:6" s="4" customFormat="1" ht="29.25" customHeight="1" x14ac:dyDescent="0.25">
      <c r="B185" s="48" t="s">
        <v>185</v>
      </c>
      <c r="C185" s="63" t="s">
        <v>614</v>
      </c>
      <c r="D185" s="13"/>
      <c r="E185" s="105"/>
      <c r="F185" s="106"/>
    </row>
    <row r="186" spans="2:6" s="4" customFormat="1" ht="40.5" customHeight="1" x14ac:dyDescent="0.25">
      <c r="B186" s="49" t="s">
        <v>186</v>
      </c>
      <c r="C186" s="62" t="s">
        <v>615</v>
      </c>
      <c r="D186" s="13"/>
      <c r="E186" s="105"/>
      <c r="F186" s="106"/>
    </row>
    <row r="187" spans="2:6" s="4" customFormat="1" ht="24.95" customHeight="1" x14ac:dyDescent="0.25">
      <c r="B187" s="49" t="s">
        <v>187</v>
      </c>
      <c r="C187" s="62" t="s">
        <v>353</v>
      </c>
      <c r="D187" s="13"/>
      <c r="E187" s="105"/>
      <c r="F187" s="106"/>
    </row>
    <row r="188" spans="2:6" s="4" customFormat="1" ht="24.95" customHeight="1" x14ac:dyDescent="0.25">
      <c r="B188" s="49" t="s">
        <v>188</v>
      </c>
      <c r="C188" s="62" t="s">
        <v>354</v>
      </c>
      <c r="D188" s="13"/>
      <c r="E188" s="105"/>
      <c r="F188" s="106"/>
    </row>
    <row r="189" spans="2:6" s="4" customFormat="1" ht="24.95" customHeight="1" x14ac:dyDescent="0.25">
      <c r="B189" s="49" t="s">
        <v>189</v>
      </c>
      <c r="C189" s="62" t="s">
        <v>355</v>
      </c>
      <c r="D189" s="13"/>
      <c r="E189" s="105"/>
      <c r="F189" s="106"/>
    </row>
    <row r="190" spans="2:6" s="4" customFormat="1" ht="82.5" customHeight="1" x14ac:dyDescent="0.25">
      <c r="B190" s="49" t="s">
        <v>190</v>
      </c>
      <c r="C190" s="62" t="s">
        <v>616</v>
      </c>
      <c r="D190" s="13"/>
      <c r="E190" s="105"/>
      <c r="F190" s="106"/>
    </row>
    <row r="191" spans="2:6" s="4" customFormat="1" ht="46.5" customHeight="1" x14ac:dyDescent="0.25">
      <c r="B191" s="49" t="s">
        <v>191</v>
      </c>
      <c r="C191" s="62" t="s">
        <v>617</v>
      </c>
      <c r="D191" s="13"/>
      <c r="E191" s="105"/>
      <c r="F191" s="106"/>
    </row>
    <row r="192" spans="2:6" s="4" customFormat="1" ht="24.95" customHeight="1" x14ac:dyDescent="0.25">
      <c r="B192" s="49" t="s">
        <v>192</v>
      </c>
      <c r="C192" s="62" t="s">
        <v>356</v>
      </c>
      <c r="D192" s="13"/>
      <c r="E192" s="105"/>
      <c r="F192" s="106"/>
    </row>
    <row r="193" spans="2:6" s="4" customFormat="1" ht="24.95" customHeight="1" x14ac:dyDescent="0.25">
      <c r="B193" s="49" t="s">
        <v>193</v>
      </c>
      <c r="C193" s="62" t="s">
        <v>357</v>
      </c>
      <c r="D193" s="13"/>
      <c r="E193" s="105"/>
      <c r="F193" s="106"/>
    </row>
    <row r="194" spans="2:6" s="4" customFormat="1" ht="24.95" customHeight="1" x14ac:dyDescent="0.25">
      <c r="B194" s="49" t="s">
        <v>194</v>
      </c>
      <c r="C194" s="62" t="s">
        <v>358</v>
      </c>
      <c r="D194" s="13"/>
      <c r="E194" s="105"/>
      <c r="F194" s="106"/>
    </row>
    <row r="195" spans="2:6" s="4" customFormat="1" ht="24.95" customHeight="1" x14ac:dyDescent="0.25">
      <c r="B195" s="49" t="s">
        <v>195</v>
      </c>
      <c r="C195" s="62" t="s">
        <v>359</v>
      </c>
      <c r="D195" s="13"/>
      <c r="E195" s="105"/>
      <c r="F195" s="106"/>
    </row>
    <row r="196" spans="2:6" s="4" customFormat="1" ht="24.95" customHeight="1" x14ac:dyDescent="0.25">
      <c r="B196" s="49" t="s">
        <v>196</v>
      </c>
      <c r="C196" s="62" t="s">
        <v>618</v>
      </c>
      <c r="D196" s="13"/>
      <c r="E196" s="105"/>
      <c r="F196" s="106"/>
    </row>
    <row r="197" spans="2:6" s="4" customFormat="1" ht="30" customHeight="1" x14ac:dyDescent="0.25">
      <c r="B197" s="49" t="s">
        <v>197</v>
      </c>
      <c r="C197" s="62" t="s">
        <v>619</v>
      </c>
      <c r="D197" s="13"/>
      <c r="E197" s="105"/>
      <c r="F197" s="106"/>
    </row>
    <row r="198" spans="2:6" s="4" customFormat="1" ht="39.75" customHeight="1" x14ac:dyDescent="0.25">
      <c r="B198" s="49" t="s">
        <v>620</v>
      </c>
      <c r="C198" s="77" t="s">
        <v>621</v>
      </c>
      <c r="D198" s="13"/>
      <c r="E198" s="105"/>
      <c r="F198" s="106"/>
    </row>
    <row r="199" spans="2:6" s="4" customFormat="1" ht="24.95" customHeight="1" x14ac:dyDescent="0.25">
      <c r="B199" s="49" t="s">
        <v>622</v>
      </c>
      <c r="C199" s="77" t="s">
        <v>623</v>
      </c>
      <c r="D199" s="13"/>
      <c r="E199" s="105"/>
      <c r="F199" s="106"/>
    </row>
    <row r="200" spans="2:6" s="4" customFormat="1" ht="30" customHeight="1" x14ac:dyDescent="0.25">
      <c r="B200" s="49" t="s">
        <v>624</v>
      </c>
      <c r="C200" s="62" t="s">
        <v>363</v>
      </c>
      <c r="D200" s="13"/>
      <c r="E200" s="105"/>
      <c r="F200" s="106"/>
    </row>
    <row r="201" spans="2:6" s="22" customFormat="1" ht="30.75" customHeight="1" x14ac:dyDescent="0.25">
      <c r="B201" s="134" t="s">
        <v>625</v>
      </c>
      <c r="C201" s="135"/>
      <c r="D201" s="135"/>
      <c r="E201" s="135"/>
      <c r="F201" s="136"/>
    </row>
    <row r="202" spans="2:6" s="4" customFormat="1" ht="46.5" customHeight="1" x14ac:dyDescent="0.25">
      <c r="B202" s="47" t="s">
        <v>59</v>
      </c>
      <c r="C202" s="78" t="s">
        <v>626</v>
      </c>
      <c r="D202" s="13"/>
      <c r="E202" s="105"/>
      <c r="F202" s="106"/>
    </row>
    <row r="203" spans="2:6" s="4" customFormat="1" ht="24.95" customHeight="1" x14ac:dyDescent="0.25">
      <c r="B203" s="48" t="s">
        <v>198</v>
      </c>
      <c r="C203" s="63" t="s">
        <v>627</v>
      </c>
      <c r="D203" s="13"/>
      <c r="E203" s="105"/>
      <c r="F203" s="106"/>
    </row>
    <row r="204" spans="2:6" s="4" customFormat="1" ht="30.75" customHeight="1" x14ac:dyDescent="0.25">
      <c r="B204" s="49" t="s">
        <v>199</v>
      </c>
      <c r="C204" s="62" t="s">
        <v>360</v>
      </c>
      <c r="D204" s="13"/>
      <c r="E204" s="105"/>
      <c r="F204" s="106"/>
    </row>
    <row r="205" spans="2:6" s="4" customFormat="1" ht="45" customHeight="1" x14ac:dyDescent="0.25">
      <c r="B205" s="49" t="s">
        <v>200</v>
      </c>
      <c r="C205" s="62" t="s">
        <v>628</v>
      </c>
      <c r="D205" s="13"/>
      <c r="E205" s="105"/>
      <c r="F205" s="106"/>
    </row>
    <row r="206" spans="2:6" s="4" customFormat="1" ht="24.95" customHeight="1" x14ac:dyDescent="0.25">
      <c r="B206" s="49" t="s">
        <v>201</v>
      </c>
      <c r="C206" s="62" t="s">
        <v>361</v>
      </c>
      <c r="D206" s="13"/>
      <c r="E206" s="105"/>
      <c r="F206" s="106"/>
    </row>
    <row r="207" spans="2:6" s="4" customFormat="1" ht="31.5" customHeight="1" x14ac:dyDescent="0.25">
      <c r="B207" s="49" t="s">
        <v>202</v>
      </c>
      <c r="C207" s="62" t="s">
        <v>629</v>
      </c>
      <c r="D207" s="13"/>
      <c r="E207" s="105"/>
      <c r="F207" s="106"/>
    </row>
    <row r="208" spans="2:6" s="4" customFormat="1" ht="24.95" customHeight="1" x14ac:dyDescent="0.25">
      <c r="B208" s="49" t="s">
        <v>203</v>
      </c>
      <c r="C208" s="62" t="s">
        <v>362</v>
      </c>
      <c r="D208" s="13"/>
      <c r="E208" s="105"/>
      <c r="F208" s="106"/>
    </row>
    <row r="209" spans="2:6" s="22" customFormat="1" ht="30.75" customHeight="1" x14ac:dyDescent="0.25">
      <c r="B209" s="134" t="s">
        <v>630</v>
      </c>
      <c r="C209" s="135"/>
      <c r="D209" s="135"/>
      <c r="E209" s="135"/>
      <c r="F209" s="136"/>
    </row>
    <row r="210" spans="2:6" s="4" customFormat="1" ht="81" customHeight="1" x14ac:dyDescent="0.25">
      <c r="B210" s="47" t="s">
        <v>60</v>
      </c>
      <c r="C210" s="62" t="s">
        <v>631</v>
      </c>
      <c r="D210" s="13"/>
      <c r="E210" s="105"/>
      <c r="F210" s="106"/>
    </row>
    <row r="211" spans="2:6" s="4" customFormat="1" ht="31.5" customHeight="1" x14ac:dyDescent="0.25">
      <c r="B211" s="48" t="s">
        <v>204</v>
      </c>
      <c r="C211" s="62" t="s">
        <v>365</v>
      </c>
      <c r="D211" s="13"/>
      <c r="E211" s="105"/>
      <c r="F211" s="106"/>
    </row>
    <row r="212" spans="2:6" s="4" customFormat="1" ht="30.75" customHeight="1" x14ac:dyDescent="0.25">
      <c r="B212" s="48" t="s">
        <v>205</v>
      </c>
      <c r="C212" s="62" t="s">
        <v>366</v>
      </c>
      <c r="D212" s="13"/>
      <c r="E212" s="105"/>
      <c r="F212" s="106"/>
    </row>
    <row r="213" spans="2:6" s="4" customFormat="1" ht="30" customHeight="1" x14ac:dyDescent="0.25">
      <c r="B213" s="48" t="s">
        <v>206</v>
      </c>
      <c r="C213" s="62" t="s">
        <v>367</v>
      </c>
      <c r="D213" s="13"/>
      <c r="E213" s="105"/>
      <c r="F213" s="106"/>
    </row>
    <row r="214" spans="2:6" s="4" customFormat="1" ht="28.5" customHeight="1" x14ac:dyDescent="0.25">
      <c r="B214" s="48" t="s">
        <v>207</v>
      </c>
      <c r="C214" s="62" t="s">
        <v>368</v>
      </c>
      <c r="D214" s="13"/>
      <c r="E214" s="105"/>
      <c r="F214" s="106"/>
    </row>
    <row r="215" spans="2:6" s="4" customFormat="1" ht="29.25" customHeight="1" x14ac:dyDescent="0.25">
      <c r="B215" s="48" t="s">
        <v>208</v>
      </c>
      <c r="C215" s="62" t="s">
        <v>369</v>
      </c>
      <c r="D215" s="13"/>
      <c r="E215" s="105"/>
      <c r="F215" s="106"/>
    </row>
    <row r="216" spans="2:6" s="4" customFormat="1" ht="26.25" customHeight="1" x14ac:dyDescent="0.25">
      <c r="B216" s="48" t="s">
        <v>209</v>
      </c>
      <c r="C216" s="62" t="s">
        <v>370</v>
      </c>
      <c r="D216" s="13"/>
      <c r="E216" s="105"/>
      <c r="F216" s="106"/>
    </row>
    <row r="217" spans="2:6" s="4" customFormat="1" ht="45.75" customHeight="1" x14ac:dyDescent="0.25">
      <c r="B217" s="48" t="s">
        <v>210</v>
      </c>
      <c r="C217" s="62" t="s">
        <v>371</v>
      </c>
      <c r="D217" s="13"/>
      <c r="E217" s="105"/>
      <c r="F217" s="106"/>
    </row>
    <row r="218" spans="2:6" s="4" customFormat="1" ht="36.75" customHeight="1" x14ac:dyDescent="0.25">
      <c r="B218" s="48" t="s">
        <v>211</v>
      </c>
      <c r="C218" s="62" t="s">
        <v>372</v>
      </c>
      <c r="D218" s="13"/>
      <c r="E218" s="105"/>
      <c r="F218" s="106"/>
    </row>
    <row r="219" spans="2:6" s="4" customFormat="1" ht="30" customHeight="1" x14ac:dyDescent="0.25">
      <c r="B219" s="48" t="s">
        <v>212</v>
      </c>
      <c r="C219" s="62" t="s">
        <v>373</v>
      </c>
      <c r="D219" s="13"/>
      <c r="E219" s="105"/>
      <c r="F219" s="106"/>
    </row>
    <row r="220" spans="2:6" s="4" customFormat="1" ht="24.95" customHeight="1" x14ac:dyDescent="0.25">
      <c r="B220" s="48" t="s">
        <v>213</v>
      </c>
      <c r="C220" s="62" t="s">
        <v>374</v>
      </c>
      <c r="D220" s="13"/>
      <c r="E220" s="105"/>
      <c r="F220" s="106"/>
    </row>
    <row r="221" spans="2:6" s="4" customFormat="1" ht="30" customHeight="1" x14ac:dyDescent="0.25">
      <c r="B221" s="48" t="s">
        <v>632</v>
      </c>
      <c r="C221" s="62" t="s">
        <v>375</v>
      </c>
      <c r="D221" s="13"/>
      <c r="E221" s="105"/>
      <c r="F221" s="106"/>
    </row>
    <row r="222" spans="2:6" s="4" customFormat="1" ht="33.75" customHeight="1" x14ac:dyDescent="0.25">
      <c r="B222" s="48" t="s">
        <v>633</v>
      </c>
      <c r="C222" s="62" t="s">
        <v>634</v>
      </c>
      <c r="D222" s="13"/>
      <c r="E222" s="105"/>
      <c r="F222" s="106"/>
    </row>
    <row r="223" spans="2:6" s="4" customFormat="1" ht="24.75" customHeight="1" x14ac:dyDescent="0.25">
      <c r="B223" s="48" t="s">
        <v>635</v>
      </c>
      <c r="C223" s="62" t="s">
        <v>376</v>
      </c>
      <c r="D223" s="13"/>
      <c r="E223" s="105"/>
      <c r="F223" s="106"/>
    </row>
    <row r="224" spans="2:6" s="4" customFormat="1" ht="25.5" customHeight="1" x14ac:dyDescent="0.25">
      <c r="B224" s="48" t="s">
        <v>636</v>
      </c>
      <c r="C224" s="62" t="s">
        <v>377</v>
      </c>
      <c r="D224" s="13"/>
      <c r="E224" s="105"/>
      <c r="F224" s="106"/>
    </row>
    <row r="225" spans="2:6" s="4" customFormat="1" ht="24.95" customHeight="1" x14ac:dyDescent="0.25">
      <c r="B225" s="48" t="s">
        <v>637</v>
      </c>
      <c r="C225" s="62" t="s">
        <v>378</v>
      </c>
      <c r="D225" s="13"/>
      <c r="E225" s="105"/>
      <c r="F225" s="106"/>
    </row>
    <row r="226" spans="2:6" s="4" customFormat="1" ht="24.95" customHeight="1" x14ac:dyDescent="0.25">
      <c r="B226" s="48" t="s">
        <v>638</v>
      </c>
      <c r="C226" s="62" t="s">
        <v>379</v>
      </c>
      <c r="D226" s="13"/>
      <c r="E226" s="105"/>
      <c r="F226" s="106"/>
    </row>
    <row r="227" spans="2:6" s="4" customFormat="1" ht="29.25" customHeight="1" x14ac:dyDescent="0.25">
      <c r="B227" s="48" t="s">
        <v>639</v>
      </c>
      <c r="C227" s="62" t="s">
        <v>380</v>
      </c>
      <c r="D227" s="13"/>
      <c r="E227" s="105"/>
      <c r="F227" s="106"/>
    </row>
    <row r="228" spans="2:6" s="4" customFormat="1" ht="108" customHeight="1" x14ac:dyDescent="0.25">
      <c r="B228" s="48" t="s">
        <v>640</v>
      </c>
      <c r="C228" s="62" t="s">
        <v>381</v>
      </c>
      <c r="D228" s="13"/>
      <c r="E228" s="105"/>
      <c r="F228" s="106"/>
    </row>
    <row r="229" spans="2:6" s="22" customFormat="1" ht="30.75" customHeight="1" x14ac:dyDescent="0.25">
      <c r="B229" s="134" t="s">
        <v>214</v>
      </c>
      <c r="C229" s="135"/>
      <c r="D229" s="135"/>
      <c r="E229" s="135"/>
      <c r="F229" s="136"/>
    </row>
    <row r="230" spans="2:6" s="4" customFormat="1" ht="45" customHeight="1" x14ac:dyDescent="0.25">
      <c r="B230" s="48" t="s">
        <v>215</v>
      </c>
      <c r="C230" s="62" t="s">
        <v>423</v>
      </c>
      <c r="D230" s="13"/>
      <c r="E230" s="105"/>
      <c r="F230" s="106"/>
    </row>
    <row r="231" spans="2:6" s="4" customFormat="1" ht="58.5" customHeight="1" x14ac:dyDescent="0.25">
      <c r="B231" s="49" t="s">
        <v>216</v>
      </c>
      <c r="C231" s="62" t="s">
        <v>424</v>
      </c>
      <c r="D231" s="13"/>
      <c r="E231" s="105"/>
      <c r="F231" s="106"/>
    </row>
    <row r="232" spans="2:6" s="4" customFormat="1" ht="68.25" customHeight="1" x14ac:dyDescent="0.25">
      <c r="B232" s="49" t="s">
        <v>217</v>
      </c>
      <c r="C232" s="62" t="s">
        <v>945</v>
      </c>
      <c r="D232" s="13"/>
      <c r="E232" s="105"/>
      <c r="F232" s="106"/>
    </row>
    <row r="233" spans="2:6" s="4" customFormat="1" ht="45.75" customHeight="1" x14ac:dyDescent="0.25">
      <c r="B233" s="49" t="s">
        <v>218</v>
      </c>
      <c r="C233" s="62" t="s">
        <v>425</v>
      </c>
      <c r="D233" s="13"/>
      <c r="E233" s="105"/>
      <c r="F233" s="106"/>
    </row>
    <row r="234" spans="2:6" s="4" customFormat="1" ht="70.5" customHeight="1" x14ac:dyDescent="0.25">
      <c r="B234" s="48" t="s">
        <v>219</v>
      </c>
      <c r="C234" s="62" t="s">
        <v>426</v>
      </c>
      <c r="D234" s="13"/>
      <c r="E234" s="105"/>
      <c r="F234" s="106"/>
    </row>
    <row r="235" spans="2:6" s="4" customFormat="1" ht="30.75" customHeight="1" x14ac:dyDescent="0.25">
      <c r="B235" s="49" t="s">
        <v>220</v>
      </c>
      <c r="C235" s="62" t="s">
        <v>427</v>
      </c>
      <c r="D235" s="13"/>
      <c r="E235" s="105"/>
      <c r="F235" s="106"/>
    </row>
    <row r="236" spans="2:6" s="4" customFormat="1" ht="45" customHeight="1" x14ac:dyDescent="0.25">
      <c r="B236" s="49" t="s">
        <v>221</v>
      </c>
      <c r="C236" s="62" t="s">
        <v>946</v>
      </c>
      <c r="D236" s="13"/>
      <c r="E236" s="105"/>
      <c r="F236" s="106"/>
    </row>
    <row r="237" spans="2:6" s="4" customFormat="1" ht="89.25" x14ac:dyDescent="0.25">
      <c r="B237" s="49" t="s">
        <v>222</v>
      </c>
      <c r="C237" s="62" t="s">
        <v>947</v>
      </c>
      <c r="D237" s="13"/>
      <c r="E237" s="105"/>
      <c r="F237" s="106"/>
    </row>
    <row r="238" spans="2:6" s="4" customFormat="1" ht="29.25" customHeight="1" x14ac:dyDescent="0.25">
      <c r="B238" s="49" t="s">
        <v>223</v>
      </c>
      <c r="C238" s="62" t="s">
        <v>428</v>
      </c>
      <c r="D238" s="13"/>
      <c r="E238" s="105"/>
      <c r="F238" s="106"/>
    </row>
    <row r="239" spans="2:6" s="4" customFormat="1" ht="32.25" customHeight="1" x14ac:dyDescent="0.25">
      <c r="B239" s="49" t="s">
        <v>224</v>
      </c>
      <c r="C239" s="62" t="s">
        <v>429</v>
      </c>
      <c r="D239" s="13"/>
      <c r="E239" s="105"/>
      <c r="F239" s="106"/>
    </row>
    <row r="240" spans="2:6" s="4" customFormat="1" ht="45.75" customHeight="1" x14ac:dyDescent="0.25">
      <c r="B240" s="49" t="s">
        <v>225</v>
      </c>
      <c r="C240" s="62" t="s">
        <v>948</v>
      </c>
      <c r="D240" s="13"/>
      <c r="E240" s="105"/>
      <c r="F240" s="106"/>
    </row>
    <row r="241" spans="2:6" s="4" customFormat="1" ht="30" customHeight="1" x14ac:dyDescent="0.25">
      <c r="B241" s="48" t="s">
        <v>226</v>
      </c>
      <c r="C241" s="62" t="s">
        <v>430</v>
      </c>
      <c r="D241" s="13"/>
      <c r="E241" s="105"/>
      <c r="F241" s="106"/>
    </row>
    <row r="242" spans="2:6" s="4" customFormat="1" ht="93.75" customHeight="1" x14ac:dyDescent="0.25">
      <c r="B242" s="49" t="s">
        <v>227</v>
      </c>
      <c r="C242" s="62" t="s">
        <v>431</v>
      </c>
      <c r="D242" s="13"/>
      <c r="E242" s="105"/>
      <c r="F242" s="106"/>
    </row>
    <row r="243" spans="2:6" s="4" customFormat="1" ht="29.25" customHeight="1" x14ac:dyDescent="0.25">
      <c r="B243" s="49" t="s">
        <v>228</v>
      </c>
      <c r="C243" s="62" t="s">
        <v>432</v>
      </c>
      <c r="D243" s="13"/>
      <c r="E243" s="105"/>
      <c r="F243" s="106"/>
    </row>
    <row r="244" spans="2:6" s="4" customFormat="1" ht="70.5" customHeight="1" x14ac:dyDescent="0.25">
      <c r="B244" s="49" t="s">
        <v>229</v>
      </c>
      <c r="C244" s="62" t="s">
        <v>433</v>
      </c>
      <c r="D244" s="13"/>
      <c r="E244" s="105"/>
      <c r="F244" s="106"/>
    </row>
    <row r="245" spans="2:6" s="4" customFormat="1" ht="29.25" customHeight="1" x14ac:dyDescent="0.25">
      <c r="B245" s="49" t="s">
        <v>230</v>
      </c>
      <c r="C245" s="62" t="s">
        <v>434</v>
      </c>
      <c r="D245" s="13"/>
      <c r="E245" s="105"/>
      <c r="F245" s="106"/>
    </row>
    <row r="246" spans="2:6" s="4" customFormat="1" ht="30.75" customHeight="1" x14ac:dyDescent="0.25">
      <c r="B246" s="49" t="s">
        <v>231</v>
      </c>
      <c r="C246" s="62" t="s">
        <v>435</v>
      </c>
      <c r="D246" s="13"/>
      <c r="E246" s="105"/>
      <c r="F246" s="106"/>
    </row>
    <row r="247" spans="2:6" s="4" customFormat="1" ht="114.75" x14ac:dyDescent="0.25">
      <c r="B247" s="49" t="s">
        <v>232</v>
      </c>
      <c r="C247" s="62" t="s">
        <v>949</v>
      </c>
      <c r="D247" s="13"/>
      <c r="E247" s="105"/>
      <c r="F247" s="106"/>
    </row>
    <row r="248" spans="2:6" s="4" customFormat="1" ht="55.5" customHeight="1" x14ac:dyDescent="0.25">
      <c r="B248" s="49" t="s">
        <v>233</v>
      </c>
      <c r="C248" s="62" t="s">
        <v>950</v>
      </c>
      <c r="D248" s="13"/>
      <c r="E248" s="105"/>
      <c r="F248" s="106"/>
    </row>
    <row r="249" spans="2:6" s="4" customFormat="1" ht="30.75" customHeight="1" x14ac:dyDescent="0.25">
      <c r="B249" s="49" t="s">
        <v>234</v>
      </c>
      <c r="C249" s="62" t="s">
        <v>437</v>
      </c>
      <c r="D249" s="13"/>
      <c r="E249" s="105"/>
      <c r="F249" s="106"/>
    </row>
    <row r="250" spans="2:6" s="4" customFormat="1" ht="40.5" customHeight="1" x14ac:dyDescent="0.25">
      <c r="B250" s="49" t="s">
        <v>235</v>
      </c>
      <c r="C250" s="62" t="s">
        <v>436</v>
      </c>
      <c r="D250" s="13"/>
      <c r="E250" s="105"/>
      <c r="F250" s="106"/>
    </row>
    <row r="251" spans="2:6" s="4" customFormat="1" ht="30.75" customHeight="1" x14ac:dyDescent="0.25">
      <c r="B251" s="48" t="s">
        <v>236</v>
      </c>
      <c r="C251" s="62" t="s">
        <v>951</v>
      </c>
      <c r="D251" s="13"/>
      <c r="E251" s="105"/>
      <c r="F251" s="106"/>
    </row>
    <row r="252" spans="2:6" s="4" customFormat="1" ht="71.25" customHeight="1" x14ac:dyDescent="0.25">
      <c r="B252" s="49" t="s">
        <v>237</v>
      </c>
      <c r="C252" s="62" t="s">
        <v>952</v>
      </c>
      <c r="D252" s="13"/>
      <c r="E252" s="105"/>
      <c r="F252" s="106"/>
    </row>
    <row r="253" spans="2:6" s="4" customFormat="1" ht="96.75" customHeight="1" x14ac:dyDescent="0.25">
      <c r="B253" s="49" t="s">
        <v>238</v>
      </c>
      <c r="C253" s="62" t="s">
        <v>953</v>
      </c>
      <c r="D253" s="13"/>
      <c r="E253" s="105"/>
      <c r="F253" s="106"/>
    </row>
    <row r="254" spans="2:6" s="4" customFormat="1" ht="96.75" customHeight="1" x14ac:dyDescent="0.25">
      <c r="B254" s="49" t="s">
        <v>239</v>
      </c>
      <c r="C254" s="62" t="s">
        <v>954</v>
      </c>
      <c r="D254" s="13"/>
      <c r="E254" s="105"/>
      <c r="F254" s="106"/>
    </row>
    <row r="255" spans="2:6" s="4" customFormat="1" ht="45.75" customHeight="1" x14ac:dyDescent="0.25">
      <c r="B255" s="49" t="s">
        <v>955</v>
      </c>
      <c r="C255" s="62" t="s">
        <v>956</v>
      </c>
      <c r="D255" s="13"/>
      <c r="E255" s="105"/>
      <c r="F255" s="106"/>
    </row>
    <row r="256" spans="2:6" s="4" customFormat="1" ht="48.75" customHeight="1" x14ac:dyDescent="0.25">
      <c r="B256" s="49" t="s">
        <v>957</v>
      </c>
      <c r="C256" s="62" t="s">
        <v>958</v>
      </c>
      <c r="D256" s="13"/>
      <c r="E256" s="105"/>
      <c r="F256" s="106"/>
    </row>
    <row r="257" spans="2:6" s="4" customFormat="1" ht="36.75" customHeight="1" x14ac:dyDescent="0.25">
      <c r="B257" s="49" t="s">
        <v>959</v>
      </c>
      <c r="C257" s="62" t="s">
        <v>960</v>
      </c>
      <c r="D257" s="13"/>
      <c r="E257" s="105"/>
      <c r="F257" s="106"/>
    </row>
    <row r="258" spans="2:6" s="4" customFormat="1" ht="27.75" customHeight="1" x14ac:dyDescent="0.25">
      <c r="B258" s="49" t="s">
        <v>961</v>
      </c>
      <c r="C258" s="62" t="s">
        <v>962</v>
      </c>
      <c r="D258" s="13"/>
      <c r="E258" s="105"/>
      <c r="F258" s="106"/>
    </row>
    <row r="259" spans="2:6" s="4" customFormat="1" ht="24.95" customHeight="1" x14ac:dyDescent="0.25">
      <c r="B259" s="48" t="s">
        <v>240</v>
      </c>
      <c r="C259" s="62" t="s">
        <v>438</v>
      </c>
      <c r="D259" s="13"/>
      <c r="E259" s="105"/>
      <c r="F259" s="106"/>
    </row>
    <row r="260" spans="2:6" s="4" customFormat="1" ht="42.75" customHeight="1" x14ac:dyDescent="0.25">
      <c r="B260" s="49" t="s">
        <v>963</v>
      </c>
      <c r="C260" s="62" t="s">
        <v>964</v>
      </c>
      <c r="D260" s="13"/>
      <c r="E260" s="105"/>
      <c r="F260" s="106"/>
    </row>
    <row r="261" spans="2:6" s="4" customFormat="1" ht="29.25" customHeight="1" x14ac:dyDescent="0.25">
      <c r="B261" s="49" t="s">
        <v>965</v>
      </c>
      <c r="C261" s="62" t="s">
        <v>439</v>
      </c>
      <c r="D261" s="13"/>
      <c r="E261" s="105"/>
      <c r="F261" s="106"/>
    </row>
    <row r="262" spans="2:6" s="4" customFormat="1" ht="44.25" customHeight="1" x14ac:dyDescent="0.25">
      <c r="B262" s="49" t="s">
        <v>966</v>
      </c>
      <c r="C262" s="62" t="s">
        <v>440</v>
      </c>
      <c r="D262" s="13"/>
      <c r="E262" s="105"/>
      <c r="F262" s="106"/>
    </row>
    <row r="263" spans="2:6" s="4" customFormat="1" ht="44.25" customHeight="1" x14ac:dyDescent="0.25">
      <c r="B263" s="48" t="s">
        <v>967</v>
      </c>
      <c r="C263" s="62" t="s">
        <v>968</v>
      </c>
      <c r="D263" s="13"/>
      <c r="E263" s="105"/>
      <c r="F263" s="106"/>
    </row>
    <row r="264" spans="2:6" s="22" customFormat="1" ht="30.75" customHeight="1" x14ac:dyDescent="0.25">
      <c r="B264" s="134" t="s">
        <v>641</v>
      </c>
      <c r="C264" s="135"/>
      <c r="D264" s="135"/>
      <c r="E264" s="135"/>
      <c r="F264" s="136"/>
    </row>
    <row r="265" spans="2:6" s="4" customFormat="1" ht="44.25" customHeight="1" x14ac:dyDescent="0.25">
      <c r="B265" s="48" t="s">
        <v>241</v>
      </c>
      <c r="C265" s="62" t="s">
        <v>642</v>
      </c>
      <c r="D265" s="13"/>
      <c r="E265" s="105"/>
      <c r="F265" s="106"/>
    </row>
    <row r="266" spans="2:6" s="4" customFormat="1" ht="42.75" customHeight="1" x14ac:dyDescent="0.25">
      <c r="B266" s="49" t="s">
        <v>242</v>
      </c>
      <c r="C266" s="62" t="s">
        <v>441</v>
      </c>
      <c r="D266" s="13"/>
      <c r="E266" s="105"/>
      <c r="F266" s="106"/>
    </row>
    <row r="267" spans="2:6" s="4" customFormat="1" ht="63.75" x14ac:dyDescent="0.25">
      <c r="B267" s="49" t="s">
        <v>243</v>
      </c>
      <c r="C267" s="62" t="s">
        <v>442</v>
      </c>
      <c r="D267" s="13"/>
      <c r="E267" s="105"/>
      <c r="F267" s="106"/>
    </row>
    <row r="268" spans="2:6" s="4" customFormat="1" ht="60.75" customHeight="1" x14ac:dyDescent="0.25">
      <c r="B268" s="49" t="s">
        <v>244</v>
      </c>
      <c r="C268" s="62" t="s">
        <v>443</v>
      </c>
      <c r="D268" s="13"/>
      <c r="E268" s="105"/>
      <c r="F268" s="106"/>
    </row>
    <row r="269" spans="2:6" s="4" customFormat="1" ht="51" x14ac:dyDescent="0.25">
      <c r="B269" s="49" t="s">
        <v>245</v>
      </c>
      <c r="C269" s="62" t="s">
        <v>444</v>
      </c>
      <c r="D269" s="13"/>
      <c r="E269" s="105"/>
      <c r="F269" s="106"/>
    </row>
    <row r="270" spans="2:6" s="4" customFormat="1" ht="72" customHeight="1" x14ac:dyDescent="0.25">
      <c r="B270" s="49" t="s">
        <v>246</v>
      </c>
      <c r="C270" s="62" t="s">
        <v>643</v>
      </c>
      <c r="D270" s="13"/>
      <c r="E270" s="105"/>
      <c r="F270" s="106"/>
    </row>
    <row r="271" spans="2:6" s="4" customFormat="1" ht="82.5" customHeight="1" x14ac:dyDescent="0.25">
      <c r="B271" s="49" t="s">
        <v>247</v>
      </c>
      <c r="C271" s="62" t="s">
        <v>644</v>
      </c>
      <c r="D271" s="13"/>
      <c r="E271" s="105"/>
      <c r="F271" s="106"/>
    </row>
    <row r="272" spans="2:6" s="4" customFormat="1" ht="93.75" customHeight="1" x14ac:dyDescent="0.25">
      <c r="B272" s="49" t="s">
        <v>248</v>
      </c>
      <c r="C272" s="62" t="s">
        <v>645</v>
      </c>
      <c r="D272" s="13"/>
      <c r="E272" s="105"/>
      <c r="F272" s="106"/>
    </row>
    <row r="273" spans="2:6" s="4" customFormat="1" ht="26.25" customHeight="1" x14ac:dyDescent="0.25">
      <c r="B273" s="48" t="s">
        <v>249</v>
      </c>
      <c r="C273" s="63" t="s">
        <v>445</v>
      </c>
      <c r="D273" s="13"/>
      <c r="E273" s="105"/>
      <c r="F273" s="106"/>
    </row>
    <row r="274" spans="2:6" s="4" customFormat="1" ht="76.5" x14ac:dyDescent="0.25">
      <c r="B274" s="49" t="s">
        <v>250</v>
      </c>
      <c r="C274" s="62" t="s">
        <v>646</v>
      </c>
      <c r="D274" s="13"/>
      <c r="E274" s="105"/>
      <c r="F274" s="106"/>
    </row>
    <row r="275" spans="2:6" s="4" customFormat="1" ht="70.5" customHeight="1" x14ac:dyDescent="0.25">
      <c r="B275" s="49" t="s">
        <v>251</v>
      </c>
      <c r="C275" s="62" t="s">
        <v>446</v>
      </c>
      <c r="D275" s="13"/>
      <c r="E275" s="105"/>
      <c r="F275" s="106"/>
    </row>
    <row r="276" spans="2:6" s="4" customFormat="1" ht="26.25" customHeight="1" x14ac:dyDescent="0.25">
      <c r="B276" s="48" t="s">
        <v>252</v>
      </c>
      <c r="C276" s="63" t="s">
        <v>447</v>
      </c>
      <c r="D276" s="13"/>
      <c r="E276" s="105"/>
      <c r="F276" s="106"/>
    </row>
    <row r="277" spans="2:6" s="4" customFormat="1" ht="31.5" customHeight="1" x14ac:dyDescent="0.25">
      <c r="B277" s="49" t="s">
        <v>253</v>
      </c>
      <c r="C277" s="62" t="s">
        <v>647</v>
      </c>
      <c r="D277" s="13"/>
      <c r="E277" s="105"/>
      <c r="F277" s="106"/>
    </row>
    <row r="278" spans="2:6" s="4" customFormat="1" ht="120.75" customHeight="1" x14ac:dyDescent="0.25">
      <c r="B278" s="49" t="s">
        <v>254</v>
      </c>
      <c r="C278" s="66" t="s">
        <v>648</v>
      </c>
      <c r="D278" s="13"/>
      <c r="E278" s="105"/>
      <c r="F278" s="106"/>
    </row>
    <row r="279" spans="2:6" s="4" customFormat="1" ht="97.5" customHeight="1" x14ac:dyDescent="0.25">
      <c r="B279" s="49" t="s">
        <v>649</v>
      </c>
      <c r="C279" s="66" t="s">
        <v>650</v>
      </c>
      <c r="D279" s="13"/>
      <c r="E279" s="105"/>
      <c r="F279" s="106"/>
    </row>
    <row r="280" spans="2:6" s="4" customFormat="1" ht="98.25" customHeight="1" x14ac:dyDescent="0.25">
      <c r="B280" s="49" t="s">
        <v>651</v>
      </c>
      <c r="C280" s="66" t="s">
        <v>270</v>
      </c>
      <c r="D280" s="13"/>
      <c r="E280" s="105"/>
      <c r="F280" s="106"/>
    </row>
    <row r="281" spans="2:6" s="4" customFormat="1" ht="72" customHeight="1" x14ac:dyDescent="0.25">
      <c r="B281" s="49" t="s">
        <v>652</v>
      </c>
      <c r="C281" s="66" t="s">
        <v>271</v>
      </c>
      <c r="D281" s="13"/>
      <c r="E281" s="105"/>
      <c r="F281" s="106"/>
    </row>
    <row r="282" spans="2:6" s="4" customFormat="1" ht="75" customHeight="1" x14ac:dyDescent="0.25">
      <c r="B282" s="49" t="s">
        <v>653</v>
      </c>
      <c r="C282" s="62" t="s">
        <v>654</v>
      </c>
      <c r="D282" s="13"/>
      <c r="E282" s="105"/>
      <c r="F282" s="106"/>
    </row>
    <row r="283" spans="2:6" s="4" customFormat="1" ht="48.75" customHeight="1" x14ac:dyDescent="0.25">
      <c r="B283" s="48" t="s">
        <v>255</v>
      </c>
      <c r="C283" s="62" t="s">
        <v>655</v>
      </c>
      <c r="D283" s="13"/>
      <c r="E283" s="105"/>
      <c r="F283" s="106"/>
    </row>
    <row r="284" spans="2:6" s="4" customFormat="1" ht="60.75" customHeight="1" x14ac:dyDescent="0.25">
      <c r="B284" s="48" t="s">
        <v>256</v>
      </c>
      <c r="C284" s="62" t="s">
        <v>257</v>
      </c>
      <c r="D284" s="13"/>
      <c r="E284" s="105"/>
      <c r="F284" s="106"/>
    </row>
    <row r="285" spans="2:6" s="4" customFormat="1" ht="97.5" customHeight="1" x14ac:dyDescent="0.25">
      <c r="B285" s="48" t="s">
        <v>258</v>
      </c>
      <c r="C285" s="62" t="s">
        <v>448</v>
      </c>
      <c r="D285" s="13"/>
      <c r="E285" s="105"/>
      <c r="F285" s="106"/>
    </row>
    <row r="286" spans="2:6" s="22" customFormat="1" ht="30.75" customHeight="1" x14ac:dyDescent="0.25">
      <c r="B286" s="134" t="s">
        <v>656</v>
      </c>
      <c r="C286" s="135"/>
      <c r="D286" s="135"/>
      <c r="E286" s="135"/>
      <c r="F286" s="136"/>
    </row>
    <row r="287" spans="2:6" s="4" customFormat="1" ht="45.75" customHeight="1" x14ac:dyDescent="0.25">
      <c r="B287" s="48" t="s">
        <v>259</v>
      </c>
      <c r="C287" s="62" t="s">
        <v>657</v>
      </c>
      <c r="D287" s="13"/>
      <c r="E287" s="105"/>
      <c r="F287" s="106"/>
    </row>
    <row r="288" spans="2:6" s="22" customFormat="1" ht="30.75" customHeight="1" x14ac:dyDescent="0.25">
      <c r="B288" s="134" t="s">
        <v>260</v>
      </c>
      <c r="C288" s="135"/>
      <c r="D288" s="135"/>
      <c r="E288" s="135"/>
      <c r="F288" s="136"/>
    </row>
    <row r="289" spans="2:6" s="4" customFormat="1" ht="24.95" customHeight="1" x14ac:dyDescent="0.25">
      <c r="B289" s="48" t="s">
        <v>658</v>
      </c>
      <c r="C289" s="62" t="s">
        <v>364</v>
      </c>
      <c r="D289" s="13"/>
      <c r="E289" s="105"/>
      <c r="F289" s="106"/>
    </row>
    <row r="290" spans="2:6" s="4" customFormat="1" ht="69.75" customHeight="1" x14ac:dyDescent="0.25">
      <c r="B290" s="49" t="s">
        <v>659</v>
      </c>
      <c r="C290" s="62" t="s">
        <v>660</v>
      </c>
      <c r="D290" s="13"/>
      <c r="E290" s="105"/>
      <c r="F290" s="106"/>
    </row>
    <row r="291" spans="2:6" s="4" customFormat="1" ht="58.5" customHeight="1" x14ac:dyDescent="0.25">
      <c r="B291" s="49" t="s">
        <v>661</v>
      </c>
      <c r="C291" s="62" t="s">
        <v>662</v>
      </c>
      <c r="D291" s="13"/>
      <c r="E291" s="105"/>
      <c r="F291" s="106"/>
    </row>
    <row r="292" spans="2:6" s="4" customFormat="1" ht="45" customHeight="1" x14ac:dyDescent="0.25">
      <c r="B292" s="49" t="s">
        <v>663</v>
      </c>
      <c r="C292" s="62" t="s">
        <v>664</v>
      </c>
      <c r="D292" s="13"/>
      <c r="E292" s="105"/>
      <c r="F292" s="106"/>
    </row>
    <row r="293" spans="2:6" s="4" customFormat="1" ht="67.5" customHeight="1" x14ac:dyDescent="0.25">
      <c r="B293" s="49" t="s">
        <v>665</v>
      </c>
      <c r="C293" s="62" t="s">
        <v>666</v>
      </c>
      <c r="D293" s="13"/>
      <c r="E293" s="105"/>
      <c r="F293" s="106"/>
    </row>
    <row r="294" spans="2:6" s="4" customFormat="1" ht="395.25" x14ac:dyDescent="0.25">
      <c r="B294" s="49" t="s">
        <v>667</v>
      </c>
      <c r="C294" s="62" t="s">
        <v>668</v>
      </c>
      <c r="D294" s="13"/>
      <c r="E294" s="105"/>
      <c r="F294" s="106"/>
    </row>
    <row r="295" spans="2:6" s="4" customFormat="1" ht="57" customHeight="1" x14ac:dyDescent="0.25">
      <c r="B295" s="49" t="s">
        <v>669</v>
      </c>
      <c r="C295" s="62" t="s">
        <v>670</v>
      </c>
      <c r="D295" s="13"/>
      <c r="E295" s="105"/>
      <c r="F295" s="106"/>
    </row>
    <row r="296" spans="2:6" s="4" customFormat="1" ht="35.25" customHeight="1" x14ac:dyDescent="0.25">
      <c r="B296" s="48" t="s">
        <v>671</v>
      </c>
      <c r="C296" s="63" t="s">
        <v>672</v>
      </c>
      <c r="D296" s="13"/>
      <c r="E296" s="105"/>
      <c r="F296" s="106"/>
    </row>
    <row r="297" spans="2:6" s="4" customFormat="1" ht="69.75" customHeight="1" x14ac:dyDescent="0.25">
      <c r="B297" s="49" t="s">
        <v>673</v>
      </c>
      <c r="C297" s="62" t="s">
        <v>382</v>
      </c>
      <c r="D297" s="13"/>
      <c r="E297" s="105"/>
      <c r="F297" s="106"/>
    </row>
    <row r="298" spans="2:6" s="4" customFormat="1" ht="57" customHeight="1" x14ac:dyDescent="0.25">
      <c r="B298" s="49" t="s">
        <v>674</v>
      </c>
      <c r="C298" s="62" t="s">
        <v>383</v>
      </c>
      <c r="D298" s="13"/>
      <c r="E298" s="105"/>
      <c r="F298" s="106"/>
    </row>
    <row r="299" spans="2:6" s="4" customFormat="1" ht="31.5" customHeight="1" x14ac:dyDescent="0.25">
      <c r="B299" s="49" t="s">
        <v>675</v>
      </c>
      <c r="C299" s="62" t="s">
        <v>384</v>
      </c>
      <c r="D299" s="13"/>
      <c r="E299" s="105"/>
      <c r="F299" s="106"/>
    </row>
    <row r="300" spans="2:6" s="4" customFormat="1" ht="26.25" customHeight="1" x14ac:dyDescent="0.25">
      <c r="B300" s="49" t="s">
        <v>676</v>
      </c>
      <c r="C300" s="62" t="s">
        <v>385</v>
      </c>
      <c r="D300" s="13"/>
      <c r="E300" s="105"/>
      <c r="F300" s="106"/>
    </row>
    <row r="301" spans="2:6" s="4" customFormat="1" ht="28.5" customHeight="1" x14ac:dyDescent="0.25">
      <c r="B301" s="49" t="s">
        <v>677</v>
      </c>
      <c r="C301" s="62" t="s">
        <v>386</v>
      </c>
      <c r="D301" s="13"/>
      <c r="E301" s="105"/>
      <c r="F301" s="106"/>
    </row>
    <row r="302" spans="2:6" s="4" customFormat="1" ht="30.75" customHeight="1" x14ac:dyDescent="0.25">
      <c r="B302" s="49" t="s">
        <v>678</v>
      </c>
      <c r="C302" s="62" t="s">
        <v>387</v>
      </c>
      <c r="D302" s="13"/>
      <c r="E302" s="105"/>
      <c r="F302" s="106"/>
    </row>
    <row r="303" spans="2:6" s="4" customFormat="1" ht="21.75" customHeight="1" x14ac:dyDescent="0.25">
      <c r="B303" s="49" t="s">
        <v>679</v>
      </c>
      <c r="C303" s="62" t="s">
        <v>388</v>
      </c>
      <c r="D303" s="13"/>
      <c r="E303" s="105"/>
      <c r="F303" s="106"/>
    </row>
    <row r="304" spans="2:6" s="4" customFormat="1" ht="24.75" customHeight="1" x14ac:dyDescent="0.25">
      <c r="B304" s="49" t="s">
        <v>680</v>
      </c>
      <c r="C304" s="62" t="s">
        <v>389</v>
      </c>
      <c r="D304" s="13"/>
      <c r="E304" s="105"/>
      <c r="F304" s="106"/>
    </row>
    <row r="305" spans="2:6" s="4" customFormat="1" ht="24" customHeight="1" x14ac:dyDescent="0.25">
      <c r="B305" s="49" t="s">
        <v>681</v>
      </c>
      <c r="C305" s="62" t="s">
        <v>390</v>
      </c>
      <c r="D305" s="13"/>
      <c r="E305" s="105"/>
      <c r="F305" s="106"/>
    </row>
    <row r="306" spans="2:6" s="4" customFormat="1" ht="31.5" customHeight="1" x14ac:dyDescent="0.25">
      <c r="B306" s="49" t="s">
        <v>682</v>
      </c>
      <c r="C306" s="62" t="s">
        <v>391</v>
      </c>
      <c r="D306" s="13"/>
      <c r="E306" s="105"/>
      <c r="F306" s="106"/>
    </row>
    <row r="307" spans="2:6" s="4" customFormat="1" ht="30" customHeight="1" x14ac:dyDescent="0.25">
      <c r="B307" s="49" t="s">
        <v>683</v>
      </c>
      <c r="C307" s="62" t="s">
        <v>392</v>
      </c>
      <c r="D307" s="13"/>
      <c r="E307" s="105"/>
      <c r="F307" s="106"/>
    </row>
    <row r="308" spans="2:6" s="4" customFormat="1" ht="27.75" customHeight="1" x14ac:dyDescent="0.25">
      <c r="B308" s="49" t="s">
        <v>684</v>
      </c>
      <c r="C308" s="62" t="s">
        <v>393</v>
      </c>
      <c r="D308" s="13"/>
      <c r="E308" s="105"/>
      <c r="F308" s="106"/>
    </row>
    <row r="309" spans="2:6" s="4" customFormat="1" ht="24" customHeight="1" x14ac:dyDescent="0.25">
      <c r="B309" s="49" t="s">
        <v>685</v>
      </c>
      <c r="C309" s="62" t="s">
        <v>686</v>
      </c>
      <c r="D309" s="13"/>
      <c r="E309" s="105"/>
      <c r="F309" s="106"/>
    </row>
    <row r="310" spans="2:6" s="4" customFormat="1" ht="26.25" customHeight="1" x14ac:dyDescent="0.25">
      <c r="B310" s="48" t="s">
        <v>687</v>
      </c>
      <c r="C310" s="63" t="s">
        <v>394</v>
      </c>
      <c r="D310" s="13"/>
      <c r="E310" s="105"/>
      <c r="F310" s="106"/>
    </row>
    <row r="311" spans="2:6" s="4" customFormat="1" ht="61.5" customHeight="1" x14ac:dyDescent="0.25">
      <c r="B311" s="49" t="s">
        <v>688</v>
      </c>
      <c r="C311" s="62" t="s">
        <v>395</v>
      </c>
      <c r="D311" s="13"/>
      <c r="E311" s="105"/>
      <c r="F311" s="106"/>
    </row>
    <row r="312" spans="2:6" s="4" customFormat="1" ht="57" customHeight="1" x14ac:dyDescent="0.25">
      <c r="B312" s="49" t="s">
        <v>689</v>
      </c>
      <c r="C312" s="62" t="s">
        <v>690</v>
      </c>
      <c r="D312" s="13"/>
      <c r="E312" s="105"/>
      <c r="F312" s="106"/>
    </row>
    <row r="313" spans="2:6" s="4" customFormat="1" ht="34.5" customHeight="1" x14ac:dyDescent="0.25">
      <c r="B313" s="49" t="s">
        <v>691</v>
      </c>
      <c r="C313" s="62" t="s">
        <v>396</v>
      </c>
      <c r="D313" s="13"/>
      <c r="E313" s="105"/>
      <c r="F313" s="106"/>
    </row>
    <row r="314" spans="2:6" s="4" customFormat="1" ht="34.5" customHeight="1" x14ac:dyDescent="0.25">
      <c r="B314" s="49" t="s">
        <v>692</v>
      </c>
      <c r="C314" s="62" t="s">
        <v>397</v>
      </c>
      <c r="D314" s="13"/>
      <c r="E314" s="105"/>
      <c r="F314" s="106"/>
    </row>
    <row r="315" spans="2:6" s="4" customFormat="1" ht="24.75" customHeight="1" x14ac:dyDescent="0.25">
      <c r="B315" s="49" t="s">
        <v>693</v>
      </c>
      <c r="C315" s="62" t="s">
        <v>398</v>
      </c>
      <c r="D315" s="13"/>
      <c r="E315" s="105"/>
      <c r="F315" s="106"/>
    </row>
    <row r="316" spans="2:6" s="4" customFormat="1" ht="30" customHeight="1" x14ac:dyDescent="0.25">
      <c r="B316" s="49" t="s">
        <v>694</v>
      </c>
      <c r="C316" s="62" t="s">
        <v>399</v>
      </c>
      <c r="D316" s="13"/>
      <c r="E316" s="105"/>
      <c r="F316" s="106"/>
    </row>
    <row r="317" spans="2:6" s="4" customFormat="1" ht="32.25" customHeight="1" x14ac:dyDescent="0.25">
      <c r="B317" s="49" t="s">
        <v>695</v>
      </c>
      <c r="C317" s="62" t="s">
        <v>400</v>
      </c>
      <c r="D317" s="13"/>
      <c r="E317" s="105"/>
      <c r="F317" s="106"/>
    </row>
    <row r="318" spans="2:6" s="4" customFormat="1" ht="33.75" customHeight="1" x14ac:dyDescent="0.25">
      <c r="B318" s="49" t="s">
        <v>696</v>
      </c>
      <c r="C318" s="62" t="s">
        <v>401</v>
      </c>
      <c r="D318" s="13"/>
      <c r="E318" s="105"/>
      <c r="F318" s="106"/>
    </row>
    <row r="319" spans="2:6" s="4" customFormat="1" ht="25.5" customHeight="1" x14ac:dyDescent="0.25">
      <c r="B319" s="48" t="s">
        <v>697</v>
      </c>
      <c r="C319" s="63" t="s">
        <v>402</v>
      </c>
      <c r="D319" s="13"/>
      <c r="E319" s="105"/>
      <c r="F319" s="106"/>
    </row>
    <row r="320" spans="2:6" s="4" customFormat="1" ht="89.25" x14ac:dyDescent="0.25">
      <c r="B320" s="49" t="s">
        <v>698</v>
      </c>
      <c r="C320" s="62" t="s">
        <v>699</v>
      </c>
      <c r="D320" s="13"/>
      <c r="E320" s="105"/>
      <c r="F320" s="106"/>
    </row>
    <row r="321" spans="2:6" s="4" customFormat="1" ht="29.25" customHeight="1" x14ac:dyDescent="0.25">
      <c r="B321" s="49" t="s">
        <v>700</v>
      </c>
      <c r="C321" s="62" t="s">
        <v>403</v>
      </c>
      <c r="D321" s="13"/>
      <c r="E321" s="105"/>
      <c r="F321" s="106"/>
    </row>
    <row r="322" spans="2:6" s="4" customFormat="1" ht="30" customHeight="1" x14ac:dyDescent="0.25">
      <c r="B322" s="49" t="s">
        <v>701</v>
      </c>
      <c r="C322" s="62" t="s">
        <v>404</v>
      </c>
      <c r="D322" s="13"/>
      <c r="E322" s="105"/>
      <c r="F322" s="106"/>
    </row>
    <row r="323" spans="2:6" s="4" customFormat="1" ht="36" customHeight="1" x14ac:dyDescent="0.25">
      <c r="B323" s="49" t="s">
        <v>702</v>
      </c>
      <c r="C323" s="62" t="s">
        <v>405</v>
      </c>
      <c r="D323" s="13"/>
      <c r="E323" s="105"/>
      <c r="F323" s="106"/>
    </row>
    <row r="324" spans="2:6" s="4" customFormat="1" ht="24.75" customHeight="1" x14ac:dyDescent="0.25">
      <c r="B324" s="49" t="s">
        <v>703</v>
      </c>
      <c r="C324" s="62" t="s">
        <v>406</v>
      </c>
      <c r="D324" s="13"/>
      <c r="E324" s="105"/>
      <c r="F324" s="106"/>
    </row>
    <row r="325" spans="2:6" s="4" customFormat="1" ht="27.75" customHeight="1" x14ac:dyDescent="0.25">
      <c r="B325" s="48" t="s">
        <v>704</v>
      </c>
      <c r="C325" s="63" t="s">
        <v>407</v>
      </c>
      <c r="D325" s="13"/>
      <c r="E325" s="105"/>
      <c r="F325" s="106"/>
    </row>
    <row r="326" spans="2:6" s="4" customFormat="1" ht="49.5" customHeight="1" x14ac:dyDescent="0.25">
      <c r="B326" s="49" t="s">
        <v>705</v>
      </c>
      <c r="C326" s="62" t="s">
        <v>408</v>
      </c>
      <c r="D326" s="13"/>
      <c r="E326" s="105"/>
      <c r="F326" s="106"/>
    </row>
    <row r="327" spans="2:6" s="4" customFormat="1" ht="24.75" customHeight="1" x14ac:dyDescent="0.25">
      <c r="B327" s="48" t="s">
        <v>706</v>
      </c>
      <c r="C327" s="63" t="s">
        <v>409</v>
      </c>
      <c r="D327" s="13"/>
      <c r="E327" s="105"/>
      <c r="F327" s="106"/>
    </row>
    <row r="328" spans="2:6" s="4" customFormat="1" ht="33.75" customHeight="1" x14ac:dyDescent="0.25">
      <c r="B328" s="49" t="s">
        <v>707</v>
      </c>
      <c r="C328" s="62" t="s">
        <v>410</v>
      </c>
      <c r="D328" s="13"/>
      <c r="E328" s="105"/>
      <c r="F328" s="106"/>
    </row>
    <row r="329" spans="2:6" s="4" customFormat="1" ht="25.5" customHeight="1" x14ac:dyDescent="0.25">
      <c r="B329" s="48" t="s">
        <v>708</v>
      </c>
      <c r="C329" s="63" t="s">
        <v>411</v>
      </c>
      <c r="D329" s="13"/>
      <c r="E329" s="105"/>
      <c r="F329" s="106"/>
    </row>
    <row r="330" spans="2:6" s="4" customFormat="1" ht="42.75" customHeight="1" x14ac:dyDescent="0.25">
      <c r="B330" s="49" t="s">
        <v>709</v>
      </c>
      <c r="C330" s="62" t="s">
        <v>710</v>
      </c>
      <c r="D330" s="13"/>
      <c r="E330" s="105"/>
      <c r="F330" s="106"/>
    </row>
    <row r="331" spans="2:6" s="4" customFormat="1" ht="30.75" customHeight="1" x14ac:dyDescent="0.25">
      <c r="B331" s="48" t="s">
        <v>711</v>
      </c>
      <c r="C331" s="63" t="s">
        <v>412</v>
      </c>
      <c r="D331" s="13"/>
      <c r="E331" s="105"/>
      <c r="F331" s="106"/>
    </row>
    <row r="332" spans="2:6" s="4" customFormat="1" ht="32.25" customHeight="1" x14ac:dyDescent="0.25">
      <c r="B332" s="49" t="s">
        <v>712</v>
      </c>
      <c r="C332" s="62" t="s">
        <v>713</v>
      </c>
      <c r="D332" s="13"/>
      <c r="E332" s="105"/>
      <c r="F332" s="106"/>
    </row>
    <row r="333" spans="2:6" s="4" customFormat="1" ht="33" customHeight="1" x14ac:dyDescent="0.25">
      <c r="B333" s="49" t="s">
        <v>714</v>
      </c>
      <c r="C333" s="62" t="s">
        <v>413</v>
      </c>
      <c r="D333" s="13"/>
      <c r="E333" s="105"/>
      <c r="F333" s="106"/>
    </row>
    <row r="334" spans="2:6" s="4" customFormat="1" ht="75" customHeight="1" x14ac:dyDescent="0.25">
      <c r="B334" s="49" t="s">
        <v>715</v>
      </c>
      <c r="C334" s="62" t="s">
        <v>414</v>
      </c>
      <c r="D334" s="13"/>
      <c r="E334" s="105"/>
      <c r="F334" s="106"/>
    </row>
    <row r="335" spans="2:6" s="4" customFormat="1" ht="28.5" customHeight="1" x14ac:dyDescent="0.25">
      <c r="B335" s="48" t="s">
        <v>716</v>
      </c>
      <c r="C335" s="63" t="s">
        <v>415</v>
      </c>
      <c r="D335" s="13"/>
      <c r="E335" s="105"/>
      <c r="F335" s="106"/>
    </row>
    <row r="336" spans="2:6" s="4" customFormat="1" ht="123" customHeight="1" x14ac:dyDescent="0.25">
      <c r="B336" s="49" t="s">
        <v>717</v>
      </c>
      <c r="C336" s="62" t="s">
        <v>416</v>
      </c>
      <c r="D336" s="13"/>
      <c r="E336" s="105"/>
      <c r="F336" s="106"/>
    </row>
    <row r="337" spans="2:6" s="4" customFormat="1" ht="47.25" customHeight="1" x14ac:dyDescent="0.25">
      <c r="B337" s="49" t="s">
        <v>718</v>
      </c>
      <c r="C337" s="62" t="s">
        <v>417</v>
      </c>
      <c r="D337" s="13"/>
      <c r="E337" s="105"/>
      <c r="F337" s="106"/>
    </row>
    <row r="338" spans="2:6" s="4" customFormat="1" ht="30" customHeight="1" x14ac:dyDescent="0.25">
      <c r="B338" s="49" t="s">
        <v>719</v>
      </c>
      <c r="C338" s="62" t="s">
        <v>418</v>
      </c>
      <c r="D338" s="13"/>
      <c r="E338" s="105"/>
      <c r="F338" s="106"/>
    </row>
    <row r="339" spans="2:6" s="4" customFormat="1" ht="30" customHeight="1" x14ac:dyDescent="0.25">
      <c r="B339" s="49" t="s">
        <v>720</v>
      </c>
      <c r="C339" s="62" t="s">
        <v>721</v>
      </c>
      <c r="D339" s="13"/>
      <c r="E339" s="105"/>
      <c r="F339" s="106"/>
    </row>
    <row r="340" spans="2:6" s="4" customFormat="1" ht="31.5" customHeight="1" x14ac:dyDescent="0.25">
      <c r="B340" s="49" t="s">
        <v>722</v>
      </c>
      <c r="C340" s="62" t="s">
        <v>419</v>
      </c>
      <c r="D340" s="13"/>
      <c r="E340" s="105"/>
      <c r="F340" s="106"/>
    </row>
    <row r="341" spans="2:6" s="4" customFormat="1" ht="48" customHeight="1" x14ac:dyDescent="0.25">
      <c r="B341" s="49" t="s">
        <v>723</v>
      </c>
      <c r="C341" s="62" t="s">
        <v>724</v>
      </c>
      <c r="D341" s="13"/>
      <c r="E341" s="105"/>
      <c r="F341" s="106"/>
    </row>
    <row r="342" spans="2:6" s="4" customFormat="1" ht="30" customHeight="1" x14ac:dyDescent="0.25">
      <c r="B342" s="49" t="s">
        <v>725</v>
      </c>
      <c r="C342" s="62" t="s">
        <v>420</v>
      </c>
      <c r="D342" s="13"/>
      <c r="E342" s="105"/>
      <c r="F342" s="106"/>
    </row>
    <row r="343" spans="2:6" s="4" customFormat="1" ht="30" customHeight="1" x14ac:dyDescent="0.25">
      <c r="B343" s="49" t="s">
        <v>726</v>
      </c>
      <c r="C343" s="62" t="s">
        <v>421</v>
      </c>
      <c r="D343" s="13"/>
      <c r="E343" s="105"/>
      <c r="F343" s="106"/>
    </row>
    <row r="344" spans="2:6" s="4" customFormat="1" ht="43.5" customHeight="1" x14ac:dyDescent="0.25">
      <c r="B344" s="49" t="s">
        <v>727</v>
      </c>
      <c r="C344" s="62" t="s">
        <v>422</v>
      </c>
      <c r="D344" s="13"/>
      <c r="E344" s="105"/>
      <c r="F344" s="106"/>
    </row>
    <row r="345" spans="2:6" s="4" customFormat="1" ht="24.95" customHeight="1" x14ac:dyDescent="0.25">
      <c r="B345" s="48" t="s">
        <v>728</v>
      </c>
      <c r="C345" s="63" t="s">
        <v>449</v>
      </c>
      <c r="D345" s="13"/>
      <c r="E345" s="105"/>
      <c r="F345" s="106"/>
    </row>
    <row r="346" spans="2:6" s="4" customFormat="1" ht="45" customHeight="1" x14ac:dyDescent="0.25">
      <c r="B346" s="49" t="s">
        <v>729</v>
      </c>
      <c r="C346" s="62" t="s">
        <v>450</v>
      </c>
      <c r="D346" s="13"/>
      <c r="E346" s="105"/>
      <c r="F346" s="106"/>
    </row>
    <row r="347" spans="2:6" s="4" customFormat="1" ht="43.5" customHeight="1" x14ac:dyDescent="0.25">
      <c r="B347" s="49" t="s">
        <v>730</v>
      </c>
      <c r="C347" s="62" t="s">
        <v>451</v>
      </c>
      <c r="D347" s="13"/>
      <c r="E347" s="105"/>
      <c r="F347" s="106"/>
    </row>
    <row r="348" spans="2:6" s="4" customFormat="1" ht="32.25" customHeight="1" x14ac:dyDescent="0.25">
      <c r="B348" s="49" t="s">
        <v>731</v>
      </c>
      <c r="C348" s="62" t="s">
        <v>452</v>
      </c>
      <c r="D348" s="13"/>
      <c r="E348" s="105"/>
      <c r="F348" s="106"/>
    </row>
    <row r="349" spans="2:6" s="4" customFormat="1" ht="43.5" customHeight="1" x14ac:dyDescent="0.25">
      <c r="B349" s="49" t="s">
        <v>732</v>
      </c>
      <c r="C349" s="62" t="s">
        <v>453</v>
      </c>
      <c r="D349" s="13"/>
      <c r="E349" s="105"/>
      <c r="F349" s="106"/>
    </row>
    <row r="350" spans="2:6" s="4" customFormat="1" ht="107.25" customHeight="1" x14ac:dyDescent="0.25">
      <c r="B350" s="49" t="s">
        <v>733</v>
      </c>
      <c r="C350" s="62" t="s">
        <v>454</v>
      </c>
      <c r="D350" s="13"/>
      <c r="E350" s="105"/>
      <c r="F350" s="106"/>
    </row>
    <row r="351" spans="2:6" s="4" customFormat="1" ht="33" customHeight="1" x14ac:dyDescent="0.25">
      <c r="B351" s="49" t="s">
        <v>734</v>
      </c>
      <c r="C351" s="62" t="s">
        <v>455</v>
      </c>
      <c r="D351" s="13"/>
      <c r="E351" s="105"/>
      <c r="F351" s="106"/>
    </row>
    <row r="352" spans="2:6" s="4" customFormat="1" ht="30" customHeight="1" x14ac:dyDescent="0.25">
      <c r="B352" s="49" t="s">
        <v>735</v>
      </c>
      <c r="C352" s="62" t="s">
        <v>456</v>
      </c>
      <c r="D352" s="13"/>
      <c r="E352" s="105"/>
      <c r="F352" s="106"/>
    </row>
    <row r="353" spans="2:6" s="4" customFormat="1" ht="43.5" customHeight="1" x14ac:dyDescent="0.25">
      <c r="B353" s="49" t="s">
        <v>736</v>
      </c>
      <c r="C353" s="62" t="s">
        <v>457</v>
      </c>
      <c r="D353" s="13"/>
      <c r="E353" s="105"/>
      <c r="F353" s="106"/>
    </row>
    <row r="354" spans="2:6" s="4" customFormat="1" ht="30" customHeight="1" x14ac:dyDescent="0.25">
      <c r="B354" s="49" t="s">
        <v>737</v>
      </c>
      <c r="C354" s="62" t="s">
        <v>458</v>
      </c>
      <c r="D354" s="13"/>
      <c r="E354" s="105"/>
      <c r="F354" s="106"/>
    </row>
    <row r="355" spans="2:6" s="4" customFormat="1" ht="29.25" customHeight="1" x14ac:dyDescent="0.25">
      <c r="B355" s="49" t="s">
        <v>738</v>
      </c>
      <c r="C355" s="62" t="s">
        <v>459</v>
      </c>
      <c r="D355" s="13"/>
      <c r="E355" s="105"/>
      <c r="F355" s="106"/>
    </row>
    <row r="356" spans="2:6" s="4" customFormat="1" ht="30" customHeight="1" x14ac:dyDescent="0.25">
      <c r="B356" s="49" t="s">
        <v>739</v>
      </c>
      <c r="C356" s="62" t="s">
        <v>460</v>
      </c>
      <c r="D356" s="13"/>
      <c r="E356" s="105"/>
      <c r="F356" s="106"/>
    </row>
    <row r="357" spans="2:6" s="4" customFormat="1" ht="34.5" customHeight="1" x14ac:dyDescent="0.25">
      <c r="B357" s="49" t="s">
        <v>740</v>
      </c>
      <c r="C357" s="62" t="s">
        <v>461</v>
      </c>
      <c r="D357" s="13"/>
      <c r="E357" s="105"/>
      <c r="F357" s="106"/>
    </row>
    <row r="358" spans="2:6" s="4" customFormat="1" ht="30" customHeight="1" x14ac:dyDescent="0.25">
      <c r="B358" s="49" t="s">
        <v>741</v>
      </c>
      <c r="C358" s="62" t="s">
        <v>462</v>
      </c>
      <c r="D358" s="13"/>
      <c r="E358" s="105"/>
      <c r="F358" s="106"/>
    </row>
    <row r="359" spans="2:6" s="4" customFormat="1" ht="24.95" customHeight="1" x14ac:dyDescent="0.25">
      <c r="B359" s="49" t="s">
        <v>742</v>
      </c>
      <c r="C359" s="62" t="s">
        <v>463</v>
      </c>
      <c r="D359" s="13"/>
      <c r="E359" s="105"/>
      <c r="F359" s="106"/>
    </row>
    <row r="360" spans="2:6" s="4" customFormat="1" ht="30" customHeight="1" x14ac:dyDescent="0.25">
      <c r="B360" s="49" t="s">
        <v>743</v>
      </c>
      <c r="C360" s="62" t="s">
        <v>464</v>
      </c>
      <c r="D360" s="13"/>
      <c r="E360" s="105"/>
      <c r="F360" s="106"/>
    </row>
    <row r="361" spans="2:6" s="4" customFormat="1" ht="32.25" customHeight="1" x14ac:dyDescent="0.25">
      <c r="B361" s="49" t="s">
        <v>744</v>
      </c>
      <c r="C361" s="62" t="s">
        <v>465</v>
      </c>
      <c r="D361" s="13"/>
      <c r="E361" s="105"/>
      <c r="F361" s="106"/>
    </row>
    <row r="362" spans="2:6" s="4" customFormat="1" ht="30" customHeight="1" x14ac:dyDescent="0.25">
      <c r="B362" s="49" t="s">
        <v>745</v>
      </c>
      <c r="C362" s="62" t="s">
        <v>466</v>
      </c>
      <c r="D362" s="13"/>
      <c r="E362" s="105"/>
      <c r="F362" s="106"/>
    </row>
    <row r="363" spans="2:6" s="4" customFormat="1" ht="24.95" customHeight="1" x14ac:dyDescent="0.25">
      <c r="B363" s="49" t="s">
        <v>746</v>
      </c>
      <c r="C363" s="62" t="s">
        <v>467</v>
      </c>
      <c r="D363" s="13"/>
      <c r="E363" s="105"/>
      <c r="F363" s="106"/>
    </row>
    <row r="364" spans="2:6" s="4" customFormat="1" ht="43.5" customHeight="1" x14ac:dyDescent="0.25">
      <c r="B364" s="49" t="s">
        <v>747</v>
      </c>
      <c r="C364" s="62" t="s">
        <v>468</v>
      </c>
      <c r="D364" s="13"/>
      <c r="E364" s="105"/>
      <c r="F364" s="106"/>
    </row>
    <row r="365" spans="2:6" s="4" customFormat="1" ht="42" customHeight="1" x14ac:dyDescent="0.25">
      <c r="B365" s="49" t="s">
        <v>748</v>
      </c>
      <c r="C365" s="62" t="s">
        <v>749</v>
      </c>
      <c r="D365" s="13"/>
      <c r="E365" s="105"/>
      <c r="F365" s="106"/>
    </row>
    <row r="366" spans="2:6" s="4" customFormat="1" ht="43.5" customHeight="1" x14ac:dyDescent="0.25">
      <c r="B366" s="49" t="s">
        <v>750</v>
      </c>
      <c r="C366" s="62" t="s">
        <v>469</v>
      </c>
      <c r="D366" s="13"/>
      <c r="E366" s="105"/>
      <c r="F366" s="106"/>
    </row>
    <row r="367" spans="2:6" s="4" customFormat="1" ht="31.5" customHeight="1" x14ac:dyDescent="0.25">
      <c r="B367" s="49" t="s">
        <v>751</v>
      </c>
      <c r="C367" s="62" t="s">
        <v>470</v>
      </c>
      <c r="D367" s="13"/>
      <c r="E367" s="105"/>
      <c r="F367" s="106"/>
    </row>
    <row r="368" spans="2:6" s="4" customFormat="1" ht="30" customHeight="1" x14ac:dyDescent="0.25">
      <c r="B368" s="49" t="s">
        <v>752</v>
      </c>
      <c r="C368" s="62" t="s">
        <v>471</v>
      </c>
      <c r="D368" s="13"/>
      <c r="E368" s="105"/>
      <c r="F368" s="106"/>
    </row>
    <row r="369" spans="2:6" s="4" customFormat="1" ht="30" customHeight="1" x14ac:dyDescent="0.25">
      <c r="B369" s="49" t="s">
        <v>753</v>
      </c>
      <c r="C369" s="62" t="s">
        <v>472</v>
      </c>
      <c r="D369" s="13"/>
      <c r="E369" s="105"/>
      <c r="F369" s="106"/>
    </row>
    <row r="370" spans="2:6" s="4" customFormat="1" ht="44.25" customHeight="1" x14ac:dyDescent="0.25">
      <c r="B370" s="49" t="s">
        <v>754</v>
      </c>
      <c r="C370" s="62" t="s">
        <v>473</v>
      </c>
      <c r="D370" s="13"/>
      <c r="E370" s="105"/>
      <c r="F370" s="106"/>
    </row>
    <row r="371" spans="2:6" s="4" customFormat="1" ht="31.5" customHeight="1" x14ac:dyDescent="0.25">
      <c r="B371" s="49" t="s">
        <v>755</v>
      </c>
      <c r="C371" s="62" t="s">
        <v>474</v>
      </c>
      <c r="D371" s="13"/>
      <c r="E371" s="105"/>
      <c r="F371" s="106"/>
    </row>
    <row r="372" spans="2:6" s="4" customFormat="1" ht="30" customHeight="1" x14ac:dyDescent="0.25">
      <c r="B372" s="49" t="s">
        <v>756</v>
      </c>
      <c r="C372" s="62" t="s">
        <v>475</v>
      </c>
      <c r="D372" s="13"/>
      <c r="E372" s="105"/>
      <c r="F372" s="106"/>
    </row>
    <row r="373" spans="2:6" s="4" customFormat="1" ht="31.5" customHeight="1" x14ac:dyDescent="0.25">
      <c r="B373" s="49" t="s">
        <v>757</v>
      </c>
      <c r="C373" s="62" t="s">
        <v>476</v>
      </c>
      <c r="D373" s="13"/>
      <c r="E373" s="105"/>
      <c r="F373" s="106"/>
    </row>
    <row r="374" spans="2:6" s="4" customFormat="1" ht="45.75" customHeight="1" x14ac:dyDescent="0.25">
      <c r="B374" s="49" t="s">
        <v>758</v>
      </c>
      <c r="C374" s="62" t="s">
        <v>477</v>
      </c>
      <c r="D374" s="13"/>
      <c r="E374" s="105"/>
      <c r="F374" s="106"/>
    </row>
    <row r="375" spans="2:6" s="4" customFormat="1" ht="30" customHeight="1" x14ac:dyDescent="0.25">
      <c r="B375" s="49" t="s">
        <v>759</v>
      </c>
      <c r="C375" s="62" t="s">
        <v>478</v>
      </c>
      <c r="D375" s="13"/>
      <c r="E375" s="105"/>
      <c r="F375" s="106"/>
    </row>
    <row r="376" spans="2:6" s="4" customFormat="1" ht="24.95" customHeight="1" x14ac:dyDescent="0.25">
      <c r="B376" s="49" t="s">
        <v>760</v>
      </c>
      <c r="C376" s="62" t="s">
        <v>479</v>
      </c>
      <c r="D376" s="13"/>
      <c r="E376" s="105"/>
      <c r="F376" s="106"/>
    </row>
    <row r="377" spans="2:6" s="4" customFormat="1" ht="29.25" customHeight="1" x14ac:dyDescent="0.25">
      <c r="B377" s="49" t="s">
        <v>761</v>
      </c>
      <c r="C377" s="62" t="s">
        <v>480</v>
      </c>
      <c r="D377" s="13"/>
      <c r="E377" s="105"/>
      <c r="F377" s="106"/>
    </row>
    <row r="378" spans="2:6" s="4" customFormat="1" ht="30" customHeight="1" x14ac:dyDescent="0.25">
      <c r="B378" s="49" t="s">
        <v>762</v>
      </c>
      <c r="C378" s="62" t="s">
        <v>481</v>
      </c>
      <c r="D378" s="13"/>
      <c r="E378" s="105"/>
      <c r="F378" s="106"/>
    </row>
    <row r="379" spans="2:6" s="4" customFormat="1" ht="33.75" customHeight="1" x14ac:dyDescent="0.25">
      <c r="B379" s="49" t="s">
        <v>763</v>
      </c>
      <c r="C379" s="62" t="s">
        <v>764</v>
      </c>
      <c r="D379" s="13"/>
      <c r="E379" s="105"/>
      <c r="F379" s="106"/>
    </row>
    <row r="380" spans="2:6" s="4" customFormat="1" ht="30" customHeight="1" x14ac:dyDescent="0.25">
      <c r="B380" s="49" t="s">
        <v>765</v>
      </c>
      <c r="C380" s="62" t="s">
        <v>482</v>
      </c>
      <c r="D380" s="13"/>
      <c r="E380" s="105"/>
      <c r="F380" s="106"/>
    </row>
    <row r="381" spans="2:6" s="4" customFormat="1" ht="30" customHeight="1" x14ac:dyDescent="0.25">
      <c r="B381" s="49" t="s">
        <v>766</v>
      </c>
      <c r="C381" s="62" t="s">
        <v>483</v>
      </c>
      <c r="D381" s="13"/>
      <c r="E381" s="105"/>
      <c r="F381" s="106"/>
    </row>
    <row r="382" spans="2:6" s="4" customFormat="1" ht="32.25" customHeight="1" x14ac:dyDescent="0.25">
      <c r="B382" s="49" t="s">
        <v>767</v>
      </c>
      <c r="C382" s="62" t="s">
        <v>484</v>
      </c>
      <c r="D382" s="13"/>
      <c r="E382" s="105"/>
      <c r="F382" s="106"/>
    </row>
    <row r="383" spans="2:6" s="4" customFormat="1" ht="30" customHeight="1" x14ac:dyDescent="0.25">
      <c r="B383" s="49" t="s">
        <v>768</v>
      </c>
      <c r="C383" s="62" t="s">
        <v>485</v>
      </c>
      <c r="D383" s="13"/>
      <c r="E383" s="105"/>
      <c r="F383" s="106"/>
    </row>
    <row r="384" spans="2:6" s="4" customFormat="1" ht="57" customHeight="1" x14ac:dyDescent="0.25">
      <c r="B384" s="49" t="s">
        <v>769</v>
      </c>
      <c r="C384" s="62" t="s">
        <v>486</v>
      </c>
      <c r="D384" s="13"/>
      <c r="E384" s="105"/>
      <c r="F384" s="106"/>
    </row>
    <row r="385" spans="2:6" s="4" customFormat="1" ht="32.25" customHeight="1" x14ac:dyDescent="0.25">
      <c r="B385" s="49" t="s">
        <v>770</v>
      </c>
      <c r="C385" s="62" t="s">
        <v>487</v>
      </c>
      <c r="D385" s="13"/>
      <c r="E385" s="105"/>
      <c r="F385" s="106"/>
    </row>
    <row r="386" spans="2:6" s="4" customFormat="1" ht="24.95" customHeight="1" x14ac:dyDescent="0.25">
      <c r="B386" s="49" t="s">
        <v>771</v>
      </c>
      <c r="C386" s="62" t="s">
        <v>488</v>
      </c>
      <c r="D386" s="13"/>
      <c r="E386" s="105"/>
      <c r="F386" s="106"/>
    </row>
    <row r="387" spans="2:6" s="4" customFormat="1" ht="47.25" customHeight="1" x14ac:dyDescent="0.25">
      <c r="B387" s="49" t="s">
        <v>772</v>
      </c>
      <c r="C387" s="62" t="s">
        <v>489</v>
      </c>
      <c r="D387" s="13"/>
      <c r="E387" s="105"/>
      <c r="F387" s="106"/>
    </row>
    <row r="388" spans="2:6" s="4" customFormat="1" ht="34.5" customHeight="1" x14ac:dyDescent="0.25">
      <c r="B388" s="49" t="s">
        <v>773</v>
      </c>
      <c r="C388" s="62" t="s">
        <v>490</v>
      </c>
      <c r="D388" s="13"/>
      <c r="E388" s="105"/>
      <c r="F388" s="106"/>
    </row>
    <row r="389" spans="2:6" s="4" customFormat="1" ht="24.95" customHeight="1" x14ac:dyDescent="0.25">
      <c r="B389" s="49" t="s">
        <v>774</v>
      </c>
      <c r="C389" s="62" t="s">
        <v>491</v>
      </c>
      <c r="D389" s="13"/>
      <c r="E389" s="105"/>
      <c r="F389" s="106"/>
    </row>
    <row r="390" spans="2:6" s="4" customFormat="1" ht="31.5" customHeight="1" x14ac:dyDescent="0.25">
      <c r="B390" s="49" t="s">
        <v>775</v>
      </c>
      <c r="C390" s="62" t="s">
        <v>492</v>
      </c>
      <c r="D390" s="13"/>
      <c r="E390" s="105"/>
      <c r="F390" s="106"/>
    </row>
    <row r="391" spans="2:6" s="4" customFormat="1" ht="30" customHeight="1" x14ac:dyDescent="0.25">
      <c r="B391" s="49" t="s">
        <v>776</v>
      </c>
      <c r="C391" s="62" t="s">
        <v>493</v>
      </c>
      <c r="D391" s="13"/>
      <c r="E391" s="105"/>
      <c r="F391" s="106"/>
    </row>
    <row r="392" spans="2:6" s="4" customFormat="1" ht="51" x14ac:dyDescent="0.25">
      <c r="B392" s="49" t="s">
        <v>777</v>
      </c>
      <c r="C392" s="62" t="s">
        <v>494</v>
      </c>
      <c r="D392" s="13"/>
      <c r="E392" s="105"/>
      <c r="F392" s="106"/>
    </row>
    <row r="393" spans="2:6" s="4" customFormat="1" ht="30.75" customHeight="1" x14ac:dyDescent="0.25">
      <c r="B393" s="49" t="s">
        <v>778</v>
      </c>
      <c r="C393" s="62" t="s">
        <v>495</v>
      </c>
      <c r="D393" s="13"/>
      <c r="E393" s="105"/>
      <c r="F393" s="106"/>
    </row>
    <row r="394" spans="2:6" s="4" customFormat="1" ht="32.25" customHeight="1" x14ac:dyDescent="0.25">
      <c r="B394" s="49" t="s">
        <v>779</v>
      </c>
      <c r="C394" s="62" t="s">
        <v>780</v>
      </c>
      <c r="D394" s="13"/>
      <c r="E394" s="105"/>
      <c r="F394" s="106"/>
    </row>
    <row r="395" spans="2:6" s="4" customFormat="1" ht="44.25" customHeight="1" x14ac:dyDescent="0.25">
      <c r="B395" s="49" t="s">
        <v>781</v>
      </c>
      <c r="C395" s="62" t="s">
        <v>496</v>
      </c>
      <c r="D395" s="13"/>
      <c r="E395" s="105"/>
      <c r="F395" s="106"/>
    </row>
    <row r="396" spans="2:6" s="4" customFormat="1" ht="31.5" customHeight="1" x14ac:dyDescent="0.25">
      <c r="B396" s="49" t="s">
        <v>782</v>
      </c>
      <c r="C396" s="62" t="s">
        <v>497</v>
      </c>
      <c r="D396" s="13"/>
      <c r="E396" s="105"/>
      <c r="F396" s="106"/>
    </row>
    <row r="397" spans="2:6" s="4" customFormat="1" ht="24.95" customHeight="1" x14ac:dyDescent="0.25">
      <c r="B397" s="49" t="s">
        <v>783</v>
      </c>
      <c r="C397" s="62" t="s">
        <v>784</v>
      </c>
      <c r="D397" s="13"/>
      <c r="E397" s="105"/>
      <c r="F397" s="106"/>
    </row>
    <row r="398" spans="2:6" s="4" customFormat="1" ht="24.95" customHeight="1" x14ac:dyDescent="0.25">
      <c r="B398" s="48" t="s">
        <v>785</v>
      </c>
      <c r="C398" s="62" t="s">
        <v>498</v>
      </c>
      <c r="D398" s="13"/>
      <c r="E398" s="105"/>
      <c r="F398" s="106"/>
    </row>
    <row r="399" spans="2:6" s="4" customFormat="1" ht="70.5" customHeight="1" x14ac:dyDescent="0.25">
      <c r="B399" s="49" t="s">
        <v>786</v>
      </c>
      <c r="C399" s="62" t="s">
        <v>499</v>
      </c>
      <c r="D399" s="13"/>
      <c r="E399" s="105"/>
      <c r="F399" s="106"/>
    </row>
    <row r="400" spans="2:6" s="4" customFormat="1" ht="43.5" customHeight="1" x14ac:dyDescent="0.25">
      <c r="B400" s="49" t="s">
        <v>787</v>
      </c>
      <c r="C400" s="62" t="s">
        <v>500</v>
      </c>
      <c r="D400" s="13"/>
      <c r="E400" s="105"/>
      <c r="F400" s="106"/>
    </row>
    <row r="401" spans="2:6" s="4" customFormat="1" ht="30" customHeight="1" x14ac:dyDescent="0.25">
      <c r="B401" s="49" t="s">
        <v>788</v>
      </c>
      <c r="C401" s="62" t="s">
        <v>501</v>
      </c>
      <c r="D401" s="13"/>
      <c r="E401" s="105"/>
      <c r="F401" s="106"/>
    </row>
    <row r="402" spans="2:6" s="4" customFormat="1" ht="29.25" customHeight="1" x14ac:dyDescent="0.25">
      <c r="B402" s="49" t="s">
        <v>789</v>
      </c>
      <c r="C402" s="62" t="s">
        <v>502</v>
      </c>
      <c r="D402" s="13"/>
      <c r="E402" s="105"/>
      <c r="F402" s="106"/>
    </row>
    <row r="403" spans="2:6" s="4" customFormat="1" ht="36.75" customHeight="1" x14ac:dyDescent="0.25">
      <c r="B403" s="49" t="s">
        <v>790</v>
      </c>
      <c r="C403" s="62" t="s">
        <v>503</v>
      </c>
      <c r="D403" s="13"/>
      <c r="E403" s="105"/>
      <c r="F403" s="106"/>
    </row>
    <row r="404" spans="2:6" s="4" customFormat="1" ht="30" customHeight="1" x14ac:dyDescent="0.25">
      <c r="B404" s="49" t="s">
        <v>791</v>
      </c>
      <c r="C404" s="62" t="s">
        <v>504</v>
      </c>
      <c r="D404" s="13"/>
      <c r="E404" s="105"/>
      <c r="F404" s="106"/>
    </row>
    <row r="405" spans="2:6" s="4" customFormat="1" ht="30" customHeight="1" x14ac:dyDescent="0.25">
      <c r="B405" s="49" t="s">
        <v>792</v>
      </c>
      <c r="C405" s="62" t="s">
        <v>505</v>
      </c>
      <c r="D405" s="13"/>
      <c r="E405" s="105"/>
      <c r="F405" s="106"/>
    </row>
    <row r="406" spans="2:6" s="4" customFormat="1" ht="30" customHeight="1" x14ac:dyDescent="0.25">
      <c r="B406" s="49" t="s">
        <v>793</v>
      </c>
      <c r="C406" s="62" t="s">
        <v>506</v>
      </c>
      <c r="D406" s="13"/>
      <c r="E406" s="105"/>
      <c r="F406" s="106"/>
    </row>
    <row r="407" spans="2:6" s="4" customFormat="1" ht="33" customHeight="1" x14ac:dyDescent="0.25">
      <c r="B407" s="49" t="s">
        <v>794</v>
      </c>
      <c r="C407" s="62" t="s">
        <v>507</v>
      </c>
      <c r="D407" s="13"/>
      <c r="E407" s="105"/>
      <c r="F407" s="106"/>
    </row>
    <row r="408" spans="2:6" s="4" customFormat="1" ht="24.95" customHeight="1" x14ac:dyDescent="0.25">
      <c r="B408" s="49" t="s">
        <v>795</v>
      </c>
      <c r="C408" s="62" t="s">
        <v>508</v>
      </c>
      <c r="D408" s="13"/>
      <c r="E408" s="105"/>
      <c r="F408" s="106"/>
    </row>
    <row r="409" spans="2:6" s="4" customFormat="1" ht="24.95" customHeight="1" x14ac:dyDescent="0.25">
      <c r="B409" s="49" t="s">
        <v>796</v>
      </c>
      <c r="C409" s="62" t="s">
        <v>509</v>
      </c>
      <c r="D409" s="13"/>
      <c r="E409" s="105"/>
      <c r="F409" s="106"/>
    </row>
    <row r="410" spans="2:6" s="4" customFormat="1" ht="24.95" customHeight="1" x14ac:dyDescent="0.25">
      <c r="B410" s="49" t="s">
        <v>797</v>
      </c>
      <c r="C410" s="62" t="s">
        <v>510</v>
      </c>
      <c r="D410" s="13"/>
      <c r="E410" s="105"/>
      <c r="F410" s="106"/>
    </row>
    <row r="411" spans="2:6" s="4" customFormat="1" ht="24.95" customHeight="1" x14ac:dyDescent="0.25">
      <c r="B411" s="49" t="s">
        <v>798</v>
      </c>
      <c r="C411" s="62" t="s">
        <v>511</v>
      </c>
      <c r="D411" s="13"/>
      <c r="E411" s="105"/>
      <c r="F411" s="106"/>
    </row>
    <row r="412" spans="2:6" s="4" customFormat="1" ht="31.5" customHeight="1" x14ac:dyDescent="0.25">
      <c r="B412" s="49" t="s">
        <v>799</v>
      </c>
      <c r="C412" s="62" t="s">
        <v>512</v>
      </c>
      <c r="D412" s="13"/>
      <c r="E412" s="105"/>
      <c r="F412" s="106"/>
    </row>
    <row r="413" spans="2:6" s="4" customFormat="1" ht="32.25" customHeight="1" x14ac:dyDescent="0.25">
      <c r="B413" s="49" t="s">
        <v>800</v>
      </c>
      <c r="C413" s="62" t="s">
        <v>801</v>
      </c>
      <c r="D413" s="13"/>
      <c r="E413" s="105"/>
      <c r="F413" s="106"/>
    </row>
    <row r="414" spans="2:6" s="4" customFormat="1" ht="35.25" customHeight="1" x14ac:dyDescent="0.25">
      <c r="B414" s="49" t="s">
        <v>802</v>
      </c>
      <c r="C414" s="62" t="s">
        <v>513</v>
      </c>
      <c r="D414" s="13"/>
      <c r="E414" s="105"/>
      <c r="F414" s="106"/>
    </row>
    <row r="415" spans="2:6" s="4" customFormat="1" ht="24.95" customHeight="1" x14ac:dyDescent="0.25">
      <c r="B415" s="49" t="s">
        <v>803</v>
      </c>
      <c r="C415" s="62" t="s">
        <v>804</v>
      </c>
      <c r="D415" s="13"/>
      <c r="E415" s="105"/>
      <c r="F415" s="106"/>
    </row>
    <row r="416" spans="2:6" s="4" customFormat="1" ht="36.75" customHeight="1" x14ac:dyDescent="0.25">
      <c r="B416" s="49" t="s">
        <v>805</v>
      </c>
      <c r="C416" s="62" t="s">
        <v>806</v>
      </c>
      <c r="D416" s="13"/>
      <c r="E416" s="105"/>
      <c r="F416" s="106"/>
    </row>
    <row r="417" spans="2:6" s="4" customFormat="1" ht="30.75" customHeight="1" x14ac:dyDescent="0.25">
      <c r="B417" s="49" t="s">
        <v>807</v>
      </c>
      <c r="C417" s="62" t="s">
        <v>514</v>
      </c>
      <c r="D417" s="13"/>
      <c r="E417" s="105"/>
      <c r="F417" s="106"/>
    </row>
    <row r="418" spans="2:6" s="4" customFormat="1" ht="32.25" customHeight="1" x14ac:dyDescent="0.25">
      <c r="B418" s="49" t="s">
        <v>808</v>
      </c>
      <c r="C418" s="62" t="s">
        <v>515</v>
      </c>
      <c r="D418" s="13"/>
      <c r="E418" s="105"/>
      <c r="F418" s="106"/>
    </row>
    <row r="419" spans="2:6" s="4" customFormat="1" ht="39.75" customHeight="1" x14ac:dyDescent="0.25">
      <c r="B419" s="49" t="s">
        <v>809</v>
      </c>
      <c r="C419" s="62" t="s">
        <v>810</v>
      </c>
      <c r="D419" s="13"/>
      <c r="E419" s="105"/>
      <c r="F419" s="106"/>
    </row>
    <row r="420" spans="2:6" s="4" customFormat="1" ht="36" customHeight="1" x14ac:dyDescent="0.25">
      <c r="B420" s="49" t="s">
        <v>811</v>
      </c>
      <c r="C420" s="79" t="s">
        <v>812</v>
      </c>
      <c r="D420" s="13"/>
      <c r="E420" s="105"/>
      <c r="F420" s="106"/>
    </row>
    <row r="421" spans="2:6" s="4" customFormat="1" ht="31.5" customHeight="1" x14ac:dyDescent="0.25">
      <c r="B421" s="49" t="s">
        <v>813</v>
      </c>
      <c r="C421" s="77" t="s">
        <v>814</v>
      </c>
      <c r="D421" s="13"/>
      <c r="E421" s="105"/>
      <c r="F421" s="106"/>
    </row>
    <row r="422" spans="2:6" s="4" customFormat="1" ht="36" customHeight="1" x14ac:dyDescent="0.25">
      <c r="B422" s="49" t="s">
        <v>815</v>
      </c>
      <c r="C422" s="79" t="s">
        <v>816</v>
      </c>
      <c r="D422" s="13"/>
      <c r="E422" s="105"/>
      <c r="F422" s="106"/>
    </row>
    <row r="423" spans="2:6" s="4" customFormat="1" ht="33.75" customHeight="1" x14ac:dyDescent="0.25">
      <c r="B423" s="49" t="s">
        <v>817</v>
      </c>
      <c r="C423" s="79" t="s">
        <v>818</v>
      </c>
      <c r="D423" s="13"/>
      <c r="E423" s="105"/>
      <c r="F423" s="106"/>
    </row>
    <row r="424" spans="2:6" s="4" customFormat="1" ht="35.25" customHeight="1" x14ac:dyDescent="0.25">
      <c r="B424" s="49" t="s">
        <v>819</v>
      </c>
      <c r="C424" s="79" t="s">
        <v>820</v>
      </c>
      <c r="D424" s="13"/>
      <c r="E424" s="105"/>
      <c r="F424" s="106"/>
    </row>
    <row r="425" spans="2:6" s="4" customFormat="1" ht="34.5" customHeight="1" x14ac:dyDescent="0.25">
      <c r="B425" s="49" t="s">
        <v>821</v>
      </c>
      <c r="C425" s="79" t="s">
        <v>822</v>
      </c>
      <c r="D425" s="13"/>
      <c r="E425" s="105"/>
      <c r="F425" s="106"/>
    </row>
    <row r="426" spans="2:6" s="4" customFormat="1" ht="33" customHeight="1" x14ac:dyDescent="0.25">
      <c r="B426" s="49" t="s">
        <v>823</v>
      </c>
      <c r="C426" s="79" t="s">
        <v>824</v>
      </c>
      <c r="D426" s="13"/>
      <c r="E426" s="105"/>
      <c r="F426" s="106"/>
    </row>
    <row r="427" spans="2:6" s="4" customFormat="1" ht="24.95" customHeight="1" x14ac:dyDescent="0.25">
      <c r="B427" s="48" t="s">
        <v>825</v>
      </c>
      <c r="C427" s="63" t="s">
        <v>516</v>
      </c>
      <c r="D427" s="13"/>
      <c r="E427" s="105"/>
      <c r="F427" s="106"/>
    </row>
    <row r="428" spans="2:6" s="4" customFormat="1" ht="24.95" customHeight="1" x14ac:dyDescent="0.25">
      <c r="B428" s="49" t="s">
        <v>826</v>
      </c>
      <c r="C428" s="62" t="s">
        <v>827</v>
      </c>
      <c r="D428" s="13"/>
      <c r="E428" s="105"/>
      <c r="F428" s="106"/>
    </row>
    <row r="429" spans="2:6" s="4" customFormat="1" ht="24.95" customHeight="1" x14ac:dyDescent="0.25">
      <c r="B429" s="49" t="s">
        <v>828</v>
      </c>
      <c r="C429" s="62" t="s">
        <v>829</v>
      </c>
      <c r="D429" s="13"/>
      <c r="E429" s="105"/>
      <c r="F429" s="106"/>
    </row>
    <row r="430" spans="2:6" s="4" customFormat="1" ht="33" customHeight="1" x14ac:dyDescent="0.25">
      <c r="B430" s="49" t="s">
        <v>830</v>
      </c>
      <c r="C430" s="62" t="s">
        <v>831</v>
      </c>
      <c r="D430" s="13"/>
      <c r="E430" s="105"/>
      <c r="F430" s="106"/>
    </row>
    <row r="431" spans="2:6" s="4" customFormat="1" ht="35.25" customHeight="1" x14ac:dyDescent="0.25">
      <c r="B431" s="49" t="s">
        <v>832</v>
      </c>
      <c r="C431" s="62" t="s">
        <v>833</v>
      </c>
      <c r="D431" s="13"/>
      <c r="E431" s="105"/>
      <c r="F431" s="106"/>
    </row>
    <row r="432" spans="2:6" s="4" customFormat="1" ht="24.95" customHeight="1" x14ac:dyDescent="0.25">
      <c r="B432" s="49" t="s">
        <v>834</v>
      </c>
      <c r="C432" s="62" t="s">
        <v>835</v>
      </c>
      <c r="D432" s="13"/>
      <c r="E432" s="105"/>
      <c r="F432" s="106"/>
    </row>
    <row r="433" spans="2:6" s="4" customFormat="1" ht="24.95" customHeight="1" x14ac:dyDescent="0.25">
      <c r="B433" s="49" t="s">
        <v>836</v>
      </c>
      <c r="C433" s="62" t="s">
        <v>837</v>
      </c>
      <c r="D433" s="13"/>
      <c r="E433" s="105"/>
      <c r="F433" s="106"/>
    </row>
    <row r="434" spans="2:6" s="4" customFormat="1" ht="30.75" customHeight="1" x14ac:dyDescent="0.25">
      <c r="B434" s="49" t="s">
        <v>838</v>
      </c>
      <c r="C434" s="62" t="s">
        <v>517</v>
      </c>
      <c r="D434" s="13"/>
      <c r="E434" s="105"/>
      <c r="F434" s="106"/>
    </row>
    <row r="435" spans="2:6" s="4" customFormat="1" ht="30" customHeight="1" x14ac:dyDescent="0.25">
      <c r="B435" s="49" t="s">
        <v>839</v>
      </c>
      <c r="C435" s="62" t="s">
        <v>840</v>
      </c>
      <c r="D435" s="13"/>
      <c r="E435" s="105"/>
      <c r="F435" s="106"/>
    </row>
    <row r="436" spans="2:6" s="4" customFormat="1" ht="76.5" x14ac:dyDescent="0.25">
      <c r="B436" s="49" t="s">
        <v>841</v>
      </c>
      <c r="C436" s="62" t="s">
        <v>842</v>
      </c>
      <c r="D436" s="13"/>
      <c r="E436" s="105"/>
      <c r="F436" s="106"/>
    </row>
    <row r="437" spans="2:6" s="4" customFormat="1" ht="24.95" customHeight="1" x14ac:dyDescent="0.25">
      <c r="B437" s="48" t="s">
        <v>843</v>
      </c>
      <c r="C437" s="63" t="s">
        <v>518</v>
      </c>
      <c r="D437" s="13"/>
      <c r="E437" s="105"/>
      <c r="F437" s="106"/>
    </row>
    <row r="438" spans="2:6" s="4" customFormat="1" ht="30" customHeight="1" x14ac:dyDescent="0.25">
      <c r="B438" s="49" t="s">
        <v>844</v>
      </c>
      <c r="C438" s="62" t="s">
        <v>519</v>
      </c>
      <c r="D438" s="13"/>
      <c r="E438" s="105"/>
      <c r="F438" s="106"/>
    </row>
    <row r="439" spans="2:6" s="4" customFormat="1" ht="24.95" customHeight="1" x14ac:dyDescent="0.25">
      <c r="B439" s="49" t="s">
        <v>845</v>
      </c>
      <c r="C439" s="62" t="s">
        <v>846</v>
      </c>
      <c r="D439" s="13"/>
      <c r="E439" s="105"/>
      <c r="F439" s="106"/>
    </row>
    <row r="440" spans="2:6" s="4" customFormat="1" ht="43.5" customHeight="1" x14ac:dyDescent="0.25">
      <c r="B440" s="49" t="s">
        <v>847</v>
      </c>
      <c r="C440" s="76" t="s">
        <v>848</v>
      </c>
      <c r="D440" s="13"/>
      <c r="E440" s="105"/>
      <c r="F440" s="106"/>
    </row>
    <row r="441" spans="2:6" s="4" customFormat="1" ht="57" customHeight="1" x14ac:dyDescent="0.25">
      <c r="B441" s="49" t="s">
        <v>849</v>
      </c>
      <c r="C441" s="76" t="s">
        <v>850</v>
      </c>
      <c r="D441" s="13"/>
      <c r="E441" s="105"/>
      <c r="F441" s="106"/>
    </row>
    <row r="442" spans="2:6" s="4" customFormat="1" ht="32.25" customHeight="1" x14ac:dyDescent="0.25">
      <c r="B442" s="49" t="s">
        <v>851</v>
      </c>
      <c r="C442" s="62" t="s">
        <v>520</v>
      </c>
      <c r="D442" s="13"/>
      <c r="E442" s="105"/>
      <c r="F442" s="106"/>
    </row>
    <row r="443" spans="2:6" s="4" customFormat="1" ht="30" customHeight="1" x14ac:dyDescent="0.25">
      <c r="B443" s="49" t="s">
        <v>852</v>
      </c>
      <c r="C443" s="62" t="s">
        <v>521</v>
      </c>
      <c r="D443" s="13"/>
      <c r="E443" s="105"/>
      <c r="F443" s="106"/>
    </row>
    <row r="444" spans="2:6" s="4" customFormat="1" ht="24.95" customHeight="1" x14ac:dyDescent="0.25">
      <c r="B444" s="49" t="s">
        <v>853</v>
      </c>
      <c r="C444" s="62" t="s">
        <v>522</v>
      </c>
      <c r="D444" s="13"/>
      <c r="E444" s="105"/>
      <c r="F444" s="106"/>
    </row>
    <row r="445" spans="2:6" s="4" customFormat="1" ht="24.95" customHeight="1" thickBot="1" x14ac:dyDescent="0.3">
      <c r="B445" s="50" t="s">
        <v>854</v>
      </c>
      <c r="C445" s="64" t="s">
        <v>523</v>
      </c>
      <c r="D445" s="13"/>
      <c r="E445" s="105"/>
      <c r="F445" s="106"/>
    </row>
    <row r="446" spans="2:6" s="3" customFormat="1" ht="5.0999999999999996" customHeight="1" x14ac:dyDescent="0.25">
      <c r="B446" s="5"/>
      <c r="C446" s="5"/>
      <c r="D446" s="7"/>
      <c r="E446" s="7"/>
      <c r="F446" s="23"/>
    </row>
    <row r="447" spans="2:6" s="2" customFormat="1" ht="20.100000000000001" customHeight="1" x14ac:dyDescent="0.25">
      <c r="B447" s="108" t="s">
        <v>47</v>
      </c>
      <c r="C447" s="108"/>
      <c r="D447" s="108"/>
      <c r="E447" s="108"/>
      <c r="F447" s="108"/>
    </row>
    <row r="448" spans="2:6" s="2" customFormat="1" ht="5.0999999999999996" customHeight="1" thickBot="1" x14ac:dyDescent="0.3">
      <c r="B448" s="11"/>
      <c r="D448" s="6"/>
      <c r="E448" s="6"/>
      <c r="F448" s="6"/>
    </row>
    <row r="449" spans="2:6" s="3" customFormat="1" ht="69" customHeight="1" x14ac:dyDescent="0.25">
      <c r="B449" s="123" t="s">
        <v>7</v>
      </c>
      <c r="C449" s="124"/>
      <c r="D449" s="127" t="s">
        <v>30</v>
      </c>
      <c r="E449" s="128"/>
      <c r="F449" s="129"/>
    </row>
    <row r="450" spans="2:6" s="3" customFormat="1" ht="30" customHeight="1" thickBot="1" x14ac:dyDescent="0.3">
      <c r="B450" s="125"/>
      <c r="C450" s="126"/>
      <c r="D450" s="21" t="s">
        <v>6</v>
      </c>
      <c r="E450" s="130" t="s">
        <v>31</v>
      </c>
      <c r="F450" s="131"/>
    </row>
    <row r="451" spans="2:6" s="2" customFormat="1" ht="32.25" customHeight="1" x14ac:dyDescent="0.25">
      <c r="B451" s="56" t="s">
        <v>15</v>
      </c>
      <c r="C451" s="65" t="s">
        <v>855</v>
      </c>
      <c r="D451" s="46"/>
      <c r="E451" s="150"/>
      <c r="F451" s="151"/>
    </row>
    <row r="452" spans="2:6" s="2" customFormat="1" ht="124.5" customHeight="1" x14ac:dyDescent="0.25">
      <c r="B452" s="53" t="s">
        <v>107</v>
      </c>
      <c r="C452" s="66" t="s">
        <v>856</v>
      </c>
      <c r="D452" s="13"/>
      <c r="E452" s="139"/>
      <c r="F452" s="140"/>
    </row>
    <row r="453" spans="2:6" s="2" customFormat="1" ht="65.25" customHeight="1" x14ac:dyDescent="0.25">
      <c r="B453" s="57" t="s">
        <v>108</v>
      </c>
      <c r="C453" s="67" t="s">
        <v>524</v>
      </c>
      <c r="D453" s="13"/>
      <c r="E453" s="139"/>
      <c r="F453" s="140"/>
    </row>
    <row r="454" spans="2:6" s="2" customFormat="1" ht="34.5" customHeight="1" x14ac:dyDescent="0.25">
      <c r="B454" s="52" t="s">
        <v>56</v>
      </c>
      <c r="C454" s="67" t="s">
        <v>857</v>
      </c>
      <c r="D454" s="13"/>
      <c r="E454" s="139"/>
      <c r="F454" s="140"/>
    </row>
    <row r="455" spans="2:6" s="2" customFormat="1" ht="46.5" customHeight="1" x14ac:dyDescent="0.25">
      <c r="B455" s="57" t="s">
        <v>85</v>
      </c>
      <c r="C455" s="67" t="s">
        <v>858</v>
      </c>
      <c r="D455" s="13"/>
      <c r="E455" s="139"/>
      <c r="F455" s="140"/>
    </row>
    <row r="456" spans="2:6" s="2" customFormat="1" ht="24.95" customHeight="1" x14ac:dyDescent="0.25">
      <c r="B456" s="57" t="s">
        <v>86</v>
      </c>
      <c r="C456" s="67" t="s">
        <v>859</v>
      </c>
      <c r="D456" s="13"/>
      <c r="E456" s="139"/>
      <c r="F456" s="140"/>
    </row>
    <row r="457" spans="2:6" s="2" customFormat="1" ht="58.5" customHeight="1" x14ac:dyDescent="0.25">
      <c r="B457" s="53" t="s">
        <v>87</v>
      </c>
      <c r="C457" s="66" t="s">
        <v>860</v>
      </c>
      <c r="D457" s="13"/>
      <c r="E457" s="139"/>
      <c r="F457" s="140"/>
    </row>
    <row r="458" spans="2:6" s="2" customFormat="1" ht="44.25" customHeight="1" x14ac:dyDescent="0.25">
      <c r="B458" s="53" t="s">
        <v>88</v>
      </c>
      <c r="C458" s="66" t="s">
        <v>263</v>
      </c>
      <c r="D458" s="13"/>
      <c r="E458" s="139"/>
      <c r="F458" s="140"/>
    </row>
    <row r="459" spans="2:6" s="2" customFormat="1" ht="108" customHeight="1" x14ac:dyDescent="0.25">
      <c r="B459" s="53" t="s">
        <v>89</v>
      </c>
      <c r="C459" s="66" t="s">
        <v>264</v>
      </c>
      <c r="D459" s="13"/>
      <c r="E459" s="139"/>
      <c r="F459" s="140"/>
    </row>
    <row r="460" spans="2:6" s="2" customFormat="1" ht="105.75" customHeight="1" x14ac:dyDescent="0.25">
      <c r="B460" s="51" t="s">
        <v>57</v>
      </c>
      <c r="C460" s="66" t="s">
        <v>861</v>
      </c>
      <c r="D460" s="13"/>
      <c r="E460" s="139"/>
      <c r="F460" s="140"/>
    </row>
    <row r="461" spans="2:6" s="2" customFormat="1" ht="72" customHeight="1" x14ac:dyDescent="0.25">
      <c r="B461" s="53" t="s">
        <v>91</v>
      </c>
      <c r="C461" s="66" t="s">
        <v>862</v>
      </c>
      <c r="D461" s="13"/>
      <c r="E461" s="139"/>
      <c r="F461" s="140"/>
    </row>
    <row r="462" spans="2:6" s="2" customFormat="1" ht="98.25" customHeight="1" x14ac:dyDescent="0.25">
      <c r="B462" s="52" t="s">
        <v>58</v>
      </c>
      <c r="C462" s="66" t="s">
        <v>265</v>
      </c>
      <c r="D462" s="13"/>
      <c r="E462" s="139"/>
      <c r="F462" s="140"/>
    </row>
    <row r="463" spans="2:6" s="2" customFormat="1" ht="38.25" customHeight="1" x14ac:dyDescent="0.25">
      <c r="B463" s="52" t="s">
        <v>59</v>
      </c>
      <c r="C463" s="66" t="s">
        <v>863</v>
      </c>
      <c r="D463" s="13"/>
      <c r="E463" s="139"/>
      <c r="F463" s="140"/>
    </row>
    <row r="464" spans="2:6" s="2" customFormat="1" ht="108.75" customHeight="1" x14ac:dyDescent="0.25">
      <c r="B464" s="51" t="s">
        <v>60</v>
      </c>
      <c r="C464" s="80" t="s">
        <v>864</v>
      </c>
      <c r="D464" s="13"/>
      <c r="E464" s="139"/>
      <c r="F464" s="140"/>
    </row>
    <row r="465" spans="2:6" s="2" customFormat="1" ht="73.5" customHeight="1" x14ac:dyDescent="0.25">
      <c r="B465" s="51" t="s">
        <v>67</v>
      </c>
      <c r="C465" s="66" t="s">
        <v>865</v>
      </c>
      <c r="D465" s="13"/>
      <c r="E465" s="139"/>
      <c r="F465" s="140"/>
    </row>
    <row r="466" spans="2:6" s="2" customFormat="1" ht="88.5" customHeight="1" x14ac:dyDescent="0.25">
      <c r="B466" s="51" t="s">
        <v>61</v>
      </c>
      <c r="C466" s="66" t="s">
        <v>866</v>
      </c>
      <c r="D466" s="13"/>
      <c r="E466" s="139"/>
      <c r="F466" s="140"/>
    </row>
    <row r="467" spans="2:6" s="2" customFormat="1" ht="59.25" customHeight="1" x14ac:dyDescent="0.25">
      <c r="B467" s="51" t="s">
        <v>62</v>
      </c>
      <c r="C467" s="67" t="s">
        <v>867</v>
      </c>
      <c r="D467" s="13"/>
      <c r="E467" s="139"/>
      <c r="F467" s="140"/>
    </row>
    <row r="468" spans="2:6" s="2" customFormat="1" ht="46.5" customHeight="1" x14ac:dyDescent="0.25">
      <c r="B468" s="51" t="s">
        <v>63</v>
      </c>
      <c r="C468" s="66" t="s">
        <v>868</v>
      </c>
      <c r="D468" s="13"/>
      <c r="E468" s="139"/>
      <c r="F468" s="140"/>
    </row>
    <row r="469" spans="2:6" s="2" customFormat="1" ht="42" customHeight="1" x14ac:dyDescent="0.25">
      <c r="B469" s="51" t="s">
        <v>64</v>
      </c>
      <c r="C469" s="66" t="s">
        <v>869</v>
      </c>
      <c r="D469" s="13"/>
      <c r="E469" s="139"/>
      <c r="F469" s="140"/>
    </row>
    <row r="470" spans="2:6" s="2" customFormat="1" ht="62.25" customHeight="1" x14ac:dyDescent="0.25">
      <c r="B470" s="51" t="s">
        <v>68</v>
      </c>
      <c r="C470" s="66" t="s">
        <v>870</v>
      </c>
      <c r="D470" s="13"/>
      <c r="E470" s="139"/>
      <c r="F470" s="140"/>
    </row>
    <row r="471" spans="2:6" s="2" customFormat="1" ht="87" customHeight="1" x14ac:dyDescent="0.25">
      <c r="B471" s="51" t="s">
        <v>69</v>
      </c>
      <c r="C471" s="66" t="s">
        <v>871</v>
      </c>
      <c r="D471" s="13"/>
      <c r="E471" s="139"/>
      <c r="F471" s="140"/>
    </row>
    <row r="472" spans="2:6" s="2" customFormat="1" ht="125.25" customHeight="1" x14ac:dyDescent="0.25">
      <c r="B472" s="51" t="s">
        <v>65</v>
      </c>
      <c r="C472" s="66" t="s">
        <v>872</v>
      </c>
      <c r="D472" s="13"/>
      <c r="E472" s="139"/>
      <c r="F472" s="140"/>
    </row>
    <row r="473" spans="2:6" s="2" customFormat="1" ht="126" customHeight="1" x14ac:dyDescent="0.25">
      <c r="B473" s="51" t="s">
        <v>70</v>
      </c>
      <c r="C473" s="66" t="s">
        <v>873</v>
      </c>
      <c r="D473" s="13"/>
      <c r="E473" s="139"/>
      <c r="F473" s="140"/>
    </row>
    <row r="474" spans="2:6" s="2" customFormat="1" ht="185.25" customHeight="1" x14ac:dyDescent="0.25">
      <c r="B474" s="53" t="s">
        <v>874</v>
      </c>
      <c r="C474" s="66" t="s">
        <v>875</v>
      </c>
      <c r="D474" s="13"/>
      <c r="E474" s="139"/>
      <c r="F474" s="140"/>
    </row>
    <row r="475" spans="2:6" s="2" customFormat="1" ht="50.25" customHeight="1" x14ac:dyDescent="0.25">
      <c r="B475" s="51" t="s">
        <v>71</v>
      </c>
      <c r="C475" s="66" t="s">
        <v>876</v>
      </c>
      <c r="D475" s="13"/>
      <c r="E475" s="139"/>
      <c r="F475" s="140"/>
    </row>
    <row r="476" spans="2:6" s="2" customFormat="1" ht="60" customHeight="1" x14ac:dyDescent="0.25">
      <c r="B476" s="52" t="s">
        <v>72</v>
      </c>
      <c r="C476" s="66" t="s">
        <v>266</v>
      </c>
      <c r="D476" s="13"/>
      <c r="E476" s="139"/>
      <c r="F476" s="140"/>
    </row>
    <row r="477" spans="2:6" s="2" customFormat="1" ht="86.25" customHeight="1" x14ac:dyDescent="0.25">
      <c r="B477" s="51" t="s">
        <v>73</v>
      </c>
      <c r="C477" s="67" t="s">
        <v>877</v>
      </c>
      <c r="D477" s="13"/>
      <c r="E477" s="139"/>
      <c r="F477" s="140"/>
    </row>
    <row r="478" spans="2:6" s="2" customFormat="1" ht="48.75" customHeight="1" x14ac:dyDescent="0.25">
      <c r="B478" s="60" t="s">
        <v>74</v>
      </c>
      <c r="C478" s="72" t="s">
        <v>878</v>
      </c>
      <c r="D478" s="13"/>
      <c r="E478" s="139"/>
      <c r="F478" s="140"/>
    </row>
    <row r="479" spans="2:6" s="2" customFormat="1" ht="102" x14ac:dyDescent="0.25">
      <c r="B479" s="51" t="s">
        <v>75</v>
      </c>
      <c r="C479" s="66" t="s">
        <v>879</v>
      </c>
      <c r="D479" s="13"/>
      <c r="E479" s="132"/>
      <c r="F479" s="133"/>
    </row>
    <row r="480" spans="2:6" s="2" customFormat="1" ht="84" customHeight="1" x14ac:dyDescent="0.25">
      <c r="B480" s="51" t="s">
        <v>76</v>
      </c>
      <c r="C480" s="66" t="s">
        <v>880</v>
      </c>
      <c r="D480" s="13"/>
      <c r="E480" s="132"/>
      <c r="F480" s="133"/>
    </row>
    <row r="481" spans="2:6" s="2" customFormat="1" ht="51" x14ac:dyDescent="0.25">
      <c r="B481" s="51" t="s">
        <v>77</v>
      </c>
      <c r="C481" s="66" t="s">
        <v>881</v>
      </c>
      <c r="D481" s="13"/>
      <c r="E481" s="132"/>
      <c r="F481" s="133"/>
    </row>
    <row r="482" spans="2:6" s="2" customFormat="1" ht="98.25" customHeight="1" x14ac:dyDescent="0.25">
      <c r="B482" s="51" t="s">
        <v>78</v>
      </c>
      <c r="C482" s="66" t="s">
        <v>882</v>
      </c>
      <c r="D482" s="13"/>
      <c r="E482" s="132"/>
      <c r="F482" s="133"/>
    </row>
    <row r="483" spans="2:6" s="2" customFormat="1" ht="96.75" customHeight="1" x14ac:dyDescent="0.25">
      <c r="B483" s="51" t="s">
        <v>79</v>
      </c>
      <c r="C483" s="68" t="s">
        <v>883</v>
      </c>
      <c r="D483" s="13"/>
      <c r="E483" s="132"/>
      <c r="F483" s="133"/>
    </row>
    <row r="484" spans="2:6" s="2" customFormat="1" ht="40.5" customHeight="1" x14ac:dyDescent="0.25">
      <c r="B484" s="53" t="s">
        <v>884</v>
      </c>
      <c r="C484" s="68" t="s">
        <v>267</v>
      </c>
      <c r="D484" s="13"/>
      <c r="E484" s="132"/>
      <c r="F484" s="133"/>
    </row>
    <row r="485" spans="2:6" s="2" customFormat="1" ht="36.75" customHeight="1" x14ac:dyDescent="0.25">
      <c r="B485" s="73" t="s">
        <v>885</v>
      </c>
      <c r="C485" s="68" t="s">
        <v>268</v>
      </c>
      <c r="D485" s="13"/>
      <c r="E485" s="132"/>
      <c r="F485" s="133"/>
    </row>
    <row r="486" spans="2:6" s="2" customFormat="1" ht="42.75" customHeight="1" x14ac:dyDescent="0.25">
      <c r="B486" s="53" t="s">
        <v>886</v>
      </c>
      <c r="C486" s="72" t="s">
        <v>90</v>
      </c>
      <c r="D486" s="13"/>
      <c r="E486" s="132"/>
      <c r="F486" s="133"/>
    </row>
    <row r="487" spans="2:6" s="2" customFormat="1" ht="48.75" customHeight="1" x14ac:dyDescent="0.25">
      <c r="B487" s="53" t="s">
        <v>887</v>
      </c>
      <c r="C487" s="72" t="s">
        <v>888</v>
      </c>
      <c r="D487" s="13"/>
      <c r="E487" s="132"/>
      <c r="F487" s="133"/>
    </row>
    <row r="488" spans="2:6" s="2" customFormat="1" ht="46.5" customHeight="1" x14ac:dyDescent="0.25">
      <c r="B488" s="53" t="s">
        <v>889</v>
      </c>
      <c r="C488" s="72" t="s">
        <v>269</v>
      </c>
      <c r="D488" s="13"/>
      <c r="E488" s="132"/>
      <c r="F488" s="133"/>
    </row>
    <row r="489" spans="2:6" s="2" customFormat="1" ht="45.75" customHeight="1" x14ac:dyDescent="0.25">
      <c r="B489" s="53" t="s">
        <v>890</v>
      </c>
      <c r="C489" s="72" t="s">
        <v>525</v>
      </c>
      <c r="D489" s="13"/>
      <c r="E489" s="132"/>
      <c r="F489" s="133"/>
    </row>
    <row r="490" spans="2:6" s="2" customFormat="1" ht="33" customHeight="1" x14ac:dyDescent="0.25">
      <c r="B490" s="58" t="s">
        <v>80</v>
      </c>
      <c r="C490" s="66" t="s">
        <v>891</v>
      </c>
      <c r="D490" s="13"/>
      <c r="E490" s="132"/>
      <c r="F490" s="133"/>
    </row>
    <row r="491" spans="2:6" s="2" customFormat="1" ht="36.75" customHeight="1" x14ac:dyDescent="0.25">
      <c r="B491" s="81">
        <v>45682</v>
      </c>
      <c r="C491" s="66" t="s">
        <v>892</v>
      </c>
      <c r="D491" s="13"/>
      <c r="E491" s="132"/>
      <c r="F491" s="133"/>
    </row>
    <row r="492" spans="2:6" s="2" customFormat="1" ht="38.25" x14ac:dyDescent="0.25">
      <c r="B492" s="74" t="s">
        <v>893</v>
      </c>
      <c r="C492" s="69" t="s">
        <v>894</v>
      </c>
      <c r="D492" s="13"/>
      <c r="E492" s="132"/>
      <c r="F492" s="133"/>
    </row>
    <row r="493" spans="2:6" s="2" customFormat="1" ht="120.75" customHeight="1" x14ac:dyDescent="0.25">
      <c r="B493" s="53" t="s">
        <v>895</v>
      </c>
      <c r="C493" s="66" t="s">
        <v>648</v>
      </c>
      <c r="D493" s="13"/>
      <c r="E493" s="132"/>
      <c r="F493" s="133"/>
    </row>
    <row r="494" spans="2:6" s="2" customFormat="1" ht="100.5" customHeight="1" x14ac:dyDescent="0.25">
      <c r="B494" s="53" t="s">
        <v>896</v>
      </c>
      <c r="C494" s="66" t="s">
        <v>650</v>
      </c>
      <c r="D494" s="13"/>
      <c r="E494" s="132"/>
      <c r="F494" s="133"/>
    </row>
    <row r="495" spans="2:6" s="2" customFormat="1" ht="99" customHeight="1" x14ac:dyDescent="0.25">
      <c r="B495" s="53" t="s">
        <v>897</v>
      </c>
      <c r="C495" s="66" t="s">
        <v>270</v>
      </c>
      <c r="D495" s="13"/>
      <c r="E495" s="132"/>
      <c r="F495" s="133"/>
    </row>
    <row r="496" spans="2:6" s="2" customFormat="1" ht="72.75" customHeight="1" x14ac:dyDescent="0.25">
      <c r="B496" s="53" t="s">
        <v>898</v>
      </c>
      <c r="C496" s="66" t="s">
        <v>271</v>
      </c>
      <c r="D496" s="13"/>
      <c r="E496" s="132"/>
      <c r="F496" s="133"/>
    </row>
    <row r="497" spans="2:7" s="2" customFormat="1" ht="73.5" customHeight="1" x14ac:dyDescent="0.25">
      <c r="B497" s="75" t="s">
        <v>899</v>
      </c>
      <c r="C497" s="70" t="s">
        <v>900</v>
      </c>
      <c r="D497" s="13"/>
      <c r="E497" s="132"/>
      <c r="F497" s="133"/>
    </row>
    <row r="498" spans="2:7" s="2" customFormat="1" ht="60" customHeight="1" x14ac:dyDescent="0.25">
      <c r="B498" s="74" t="s">
        <v>901</v>
      </c>
      <c r="C498" s="69" t="s">
        <v>530</v>
      </c>
      <c r="D498" s="13"/>
      <c r="E498" s="132"/>
      <c r="F498" s="133"/>
    </row>
    <row r="499" spans="2:7" s="2" customFormat="1" ht="49.5" customHeight="1" x14ac:dyDescent="0.25">
      <c r="B499" s="74" t="s">
        <v>902</v>
      </c>
      <c r="C499" s="71" t="s">
        <v>531</v>
      </c>
      <c r="D499" s="13"/>
      <c r="E499" s="132"/>
      <c r="F499" s="133"/>
    </row>
    <row r="500" spans="2:7" s="2" customFormat="1" ht="121.5" customHeight="1" x14ac:dyDescent="0.25">
      <c r="B500" s="51" t="s">
        <v>82</v>
      </c>
      <c r="C500" s="66" t="s">
        <v>903</v>
      </c>
      <c r="D500" s="13"/>
      <c r="E500" s="132"/>
      <c r="F500" s="133"/>
    </row>
    <row r="501" spans="2:7" s="2" customFormat="1" ht="63.75" customHeight="1" x14ac:dyDescent="0.25">
      <c r="B501" s="51" t="s">
        <v>83</v>
      </c>
      <c r="C501" s="66" t="s">
        <v>272</v>
      </c>
      <c r="D501" s="13"/>
      <c r="E501" s="132"/>
      <c r="F501" s="133"/>
    </row>
    <row r="502" spans="2:7" s="2" customFormat="1" ht="84.75" customHeight="1" x14ac:dyDescent="0.25">
      <c r="B502" s="51" t="s">
        <v>84</v>
      </c>
      <c r="C502" s="66" t="s">
        <v>273</v>
      </c>
      <c r="D502" s="13"/>
      <c r="E502" s="132"/>
      <c r="F502" s="133"/>
    </row>
    <row r="503" spans="2:7" s="2" customFormat="1" ht="202.5" customHeight="1" x14ac:dyDescent="0.25">
      <c r="B503" s="51" t="s">
        <v>904</v>
      </c>
      <c r="C503" s="66" t="s">
        <v>274</v>
      </c>
      <c r="D503" s="13"/>
      <c r="E503" s="132"/>
      <c r="F503" s="133"/>
    </row>
    <row r="504" spans="2:7" s="2" customFormat="1" ht="210.75" customHeight="1" x14ac:dyDescent="0.25">
      <c r="B504" s="51" t="s">
        <v>905</v>
      </c>
      <c r="C504" s="66" t="s">
        <v>275</v>
      </c>
      <c r="D504" s="13"/>
      <c r="E504" s="132"/>
      <c r="F504" s="133"/>
    </row>
    <row r="505" spans="2:7" s="2" customFormat="1" ht="106.5" customHeight="1" x14ac:dyDescent="0.25">
      <c r="B505" s="51" t="s">
        <v>906</v>
      </c>
      <c r="C505" s="66" t="s">
        <v>907</v>
      </c>
      <c r="D505" s="13"/>
      <c r="E505" s="132"/>
      <c r="F505" s="133"/>
    </row>
    <row r="506" spans="2:7" s="2" customFormat="1" ht="47.25" customHeight="1" thickBot="1" x14ac:dyDescent="0.3">
      <c r="B506" s="82" t="s">
        <v>908</v>
      </c>
      <c r="C506" s="83" t="s">
        <v>276</v>
      </c>
      <c r="D506" s="13"/>
      <c r="E506" s="132"/>
      <c r="F506" s="133"/>
    </row>
    <row r="507" spans="2:7" s="2" customFormat="1" ht="30" customHeight="1" x14ac:dyDescent="0.25">
      <c r="B507" s="134" t="s">
        <v>527</v>
      </c>
      <c r="C507" s="135"/>
      <c r="D507" s="135"/>
      <c r="E507" s="135"/>
      <c r="F507" s="136"/>
    </row>
    <row r="508" spans="2:7" s="2" customFormat="1" ht="30" customHeight="1" thickBot="1" x14ac:dyDescent="0.3">
      <c r="B508" s="55" t="s">
        <v>15</v>
      </c>
      <c r="C508" s="54" t="s">
        <v>528</v>
      </c>
      <c r="D508" s="42"/>
      <c r="E508" s="121"/>
      <c r="F508" s="122"/>
    </row>
    <row r="509" spans="2:7" s="3" customFormat="1" ht="5.0999999999999996" customHeight="1" x14ac:dyDescent="0.25">
      <c r="B509" s="5"/>
      <c r="C509" s="5"/>
      <c r="D509" s="7"/>
      <c r="E509" s="7"/>
      <c r="F509" s="23"/>
      <c r="G509" s="2"/>
    </row>
    <row r="510" spans="2:7" s="2" customFormat="1" ht="20.100000000000001" customHeight="1" x14ac:dyDescent="0.25">
      <c r="B510" s="108" t="s">
        <v>53</v>
      </c>
      <c r="C510" s="108"/>
      <c r="D510" s="108"/>
      <c r="E510" s="108"/>
      <c r="F510" s="108"/>
    </row>
    <row r="511" spans="2:7" s="2" customFormat="1" ht="4.5" customHeight="1" thickBot="1" x14ac:dyDescent="0.3"/>
    <row r="512" spans="2:7" s="2" customFormat="1" ht="80.25" customHeight="1" x14ac:dyDescent="0.25">
      <c r="B512" s="123" t="s">
        <v>54</v>
      </c>
      <c r="C512" s="124"/>
      <c r="D512" s="127" t="s">
        <v>55</v>
      </c>
      <c r="E512" s="128"/>
      <c r="F512" s="129"/>
    </row>
    <row r="513" spans="2:7" s="3" customFormat="1" ht="29.25" customHeight="1" thickBot="1" x14ac:dyDescent="0.3">
      <c r="B513" s="125"/>
      <c r="C513" s="126"/>
      <c r="D513" s="21" t="s">
        <v>6</v>
      </c>
      <c r="E513" s="130" t="s">
        <v>31</v>
      </c>
      <c r="F513" s="131"/>
      <c r="G513" s="2"/>
    </row>
    <row r="514" spans="2:7" s="3" customFormat="1" ht="70.5" customHeight="1" x14ac:dyDescent="0.25">
      <c r="B514" s="60" t="s">
        <v>15</v>
      </c>
      <c r="C514" s="59" t="s">
        <v>526</v>
      </c>
      <c r="D514" s="61"/>
      <c r="E514" s="137"/>
      <c r="F514" s="138"/>
      <c r="G514" s="2"/>
    </row>
    <row r="515" spans="2:7" s="3" customFormat="1" ht="95.25" customHeight="1" x14ac:dyDescent="0.25">
      <c r="B515" s="84"/>
      <c r="C515" s="85" t="s">
        <v>909</v>
      </c>
      <c r="D515" s="86"/>
      <c r="E515" s="87"/>
      <c r="F515" s="88"/>
      <c r="G515" s="2"/>
    </row>
    <row r="516" spans="2:7" s="3" customFormat="1" ht="52.5" customHeight="1" x14ac:dyDescent="0.25">
      <c r="B516" s="84"/>
      <c r="C516" s="85" t="s">
        <v>910</v>
      </c>
      <c r="D516" s="86"/>
      <c r="E516" s="87"/>
      <c r="F516" s="88"/>
      <c r="G516" s="2"/>
    </row>
    <row r="517" spans="2:7" s="3" customFormat="1" ht="52.5" customHeight="1" x14ac:dyDescent="0.25">
      <c r="B517" s="84"/>
      <c r="C517" s="85" t="s">
        <v>911</v>
      </c>
      <c r="D517" s="86"/>
      <c r="E517" s="87"/>
      <c r="F517" s="88"/>
      <c r="G517" s="2"/>
    </row>
    <row r="518" spans="2:7" s="3" customFormat="1" ht="47.25" customHeight="1" thickBot="1" x14ac:dyDescent="0.3">
      <c r="B518" s="43" t="s">
        <v>56</v>
      </c>
      <c r="C518" s="45" t="s">
        <v>912</v>
      </c>
      <c r="D518" s="44"/>
      <c r="E518" s="121"/>
      <c r="F518" s="122"/>
      <c r="G518" s="2"/>
    </row>
    <row r="519" spans="2:7" s="2" customFormat="1" ht="5.0999999999999996" customHeight="1" x14ac:dyDescent="0.25">
      <c r="B519" s="5"/>
      <c r="C519" s="5"/>
      <c r="D519" s="7"/>
      <c r="E519" s="7"/>
      <c r="F519" s="23"/>
    </row>
    <row r="520" spans="2:7" s="2" customFormat="1" ht="20.100000000000001" customHeight="1" x14ac:dyDescent="0.25">
      <c r="B520" s="108" t="s">
        <v>14</v>
      </c>
      <c r="C520" s="108"/>
      <c r="D520" s="108"/>
      <c r="E520" s="108"/>
      <c r="F520" s="108"/>
    </row>
    <row r="521" spans="2:7" s="2" customFormat="1" ht="30" customHeight="1" x14ac:dyDescent="0.25">
      <c r="B521" s="23" t="s">
        <v>16</v>
      </c>
      <c r="C521" s="145" t="s">
        <v>81</v>
      </c>
      <c r="D521" s="145"/>
      <c r="E521" s="145"/>
      <c r="F521" s="145"/>
    </row>
    <row r="522" spans="2:7" s="25" customFormat="1" ht="30" customHeight="1" x14ac:dyDescent="0.25">
      <c r="B522" s="23" t="s">
        <v>32</v>
      </c>
      <c r="C522" s="145" t="s">
        <v>33</v>
      </c>
      <c r="D522" s="145"/>
      <c r="E522" s="145"/>
      <c r="F522" s="145"/>
      <c r="G522" s="2"/>
    </row>
    <row r="523" spans="2:7" s="25" customFormat="1" ht="30" customHeight="1" x14ac:dyDescent="0.25">
      <c r="B523" s="23" t="s">
        <v>261</v>
      </c>
      <c r="C523" s="89" t="s">
        <v>262</v>
      </c>
      <c r="D523" s="89"/>
      <c r="E523" s="89"/>
      <c r="F523" s="89"/>
      <c r="G523" s="2"/>
    </row>
    <row r="524" spans="2:7" s="25" customFormat="1" ht="30" customHeight="1" x14ac:dyDescent="0.25">
      <c r="B524" s="146" t="s">
        <v>34</v>
      </c>
      <c r="C524" s="146"/>
      <c r="D524" s="146"/>
      <c r="E524" s="146"/>
      <c r="F524" s="3"/>
      <c r="G524" s="2"/>
    </row>
    <row r="525" spans="2:7" s="2" customFormat="1" ht="24.95" customHeight="1" x14ac:dyDescent="0.25">
      <c r="B525" s="24" t="s">
        <v>35</v>
      </c>
      <c r="C525" s="143"/>
      <c r="D525" s="143"/>
      <c r="F525" s="25"/>
    </row>
    <row r="526" spans="2:7" s="2" customFormat="1" ht="24.95" customHeight="1" x14ac:dyDescent="0.25">
      <c r="B526" s="24" t="s">
        <v>36</v>
      </c>
      <c r="C526" s="143"/>
      <c r="D526" s="143"/>
      <c r="F526" s="25"/>
    </row>
    <row r="527" spans="2:7" s="2" customFormat="1" ht="24.95" customHeight="1" x14ac:dyDescent="0.25">
      <c r="B527" s="24" t="s">
        <v>37</v>
      </c>
      <c r="C527" s="143"/>
      <c r="D527" s="143"/>
      <c r="F527" s="25"/>
    </row>
    <row r="528" spans="2:7" s="3" customFormat="1" ht="24.95" customHeight="1" x14ac:dyDescent="0.25">
      <c r="B528" s="24" t="s">
        <v>38</v>
      </c>
      <c r="C528" s="143"/>
      <c r="D528" s="143"/>
      <c r="E528" s="2"/>
      <c r="F528" s="26"/>
      <c r="G528" s="2"/>
    </row>
    <row r="529" spans="2:6" s="2" customFormat="1" ht="14.25" customHeight="1" x14ac:dyDescent="0.2">
      <c r="B529" s="9"/>
      <c r="C529" s="10"/>
      <c r="D529" s="10"/>
      <c r="F529" s="27"/>
    </row>
    <row r="530" spans="2:6" s="3" customFormat="1" ht="15" customHeight="1" x14ac:dyDescent="0.25">
      <c r="B530" s="147" t="s">
        <v>39</v>
      </c>
      <c r="C530" s="147"/>
      <c r="D530" s="147"/>
      <c r="E530" s="147"/>
      <c r="F530" s="147"/>
    </row>
    <row r="531" spans="2:6" s="2" customFormat="1" ht="36.75" customHeight="1" x14ac:dyDescent="0.25">
      <c r="B531" s="144" t="s">
        <v>50</v>
      </c>
      <c r="C531" s="144"/>
      <c r="D531" s="144"/>
      <c r="E531" s="144"/>
      <c r="F531" s="144"/>
    </row>
    <row r="532" spans="2:6" s="2" customFormat="1" ht="20.100000000000001" customHeight="1" x14ac:dyDescent="0.2">
      <c r="B532" s="1"/>
      <c r="C532" s="1"/>
      <c r="D532" s="8"/>
      <c r="E532" s="8"/>
    </row>
    <row r="533" spans="2:6" s="3" customFormat="1" ht="4.5" customHeight="1" x14ac:dyDescent="0.2">
      <c r="B533" s="1"/>
      <c r="C533" s="1"/>
      <c r="D533" s="8"/>
      <c r="E533" s="8"/>
      <c r="F533" s="2"/>
    </row>
    <row r="534" spans="2:6" s="3" customFormat="1" ht="20.100000000000001" customHeight="1" x14ac:dyDescent="0.25">
      <c r="B534" s="28" t="s">
        <v>40</v>
      </c>
      <c r="C534" s="29"/>
      <c r="D534" s="30" t="s">
        <v>41</v>
      </c>
      <c r="E534" s="141"/>
      <c r="F534" s="141"/>
    </row>
    <row r="535" spans="2:6" s="3" customFormat="1" ht="20.100000000000001" customHeight="1" x14ac:dyDescent="0.25">
      <c r="B535" s="29"/>
      <c r="C535" s="29"/>
      <c r="D535" s="29"/>
      <c r="E535" s="31"/>
      <c r="F535" s="31"/>
    </row>
    <row r="536" spans="2:6" ht="20.100000000000001" customHeight="1" x14ac:dyDescent="0.2">
      <c r="B536" s="28" t="s">
        <v>42</v>
      </c>
      <c r="C536" s="29"/>
      <c r="D536" s="32" t="s">
        <v>43</v>
      </c>
      <c r="E536" s="142"/>
      <c r="F536" s="142"/>
    </row>
    <row r="537" spans="2:6" s="2" customFormat="1" ht="20.100000000000001" customHeight="1" x14ac:dyDescent="0.2">
      <c r="B537" s="1"/>
      <c r="C537" s="1"/>
      <c r="D537" s="32" t="s">
        <v>44</v>
      </c>
      <c r="E537" s="143"/>
      <c r="F537" s="143"/>
    </row>
    <row r="538" spans="2:6" s="2" customFormat="1" ht="20.100000000000001" customHeight="1" x14ac:dyDescent="0.2">
      <c r="B538" s="1"/>
      <c r="C538" s="1"/>
      <c r="D538" s="33" t="s">
        <v>45</v>
      </c>
      <c r="E538" s="1"/>
    </row>
    <row r="539" spans="2:6" s="2" customFormat="1" ht="37.5" customHeight="1" x14ac:dyDescent="0.25"/>
    <row r="540" spans="2:6" s="2" customFormat="1" ht="24" customHeight="1" x14ac:dyDescent="0.25"/>
    <row r="541" spans="2:6" s="2" customFormat="1" ht="24" customHeight="1" x14ac:dyDescent="0.25"/>
    <row r="542" spans="2:6" s="2" customFormat="1" ht="24" customHeight="1" x14ac:dyDescent="0.25"/>
    <row r="543" spans="2:6" s="2" customFormat="1" ht="20.100000000000001" customHeight="1" x14ac:dyDescent="0.25"/>
    <row r="544" spans="2:6" s="2" customFormat="1" ht="20.100000000000001" customHeight="1" x14ac:dyDescent="0.25"/>
    <row r="545" spans="2:5" s="2" customFormat="1" ht="50.1" customHeight="1" x14ac:dyDescent="0.25"/>
    <row r="546" spans="2:5" s="2" customFormat="1" ht="43.5" customHeight="1" x14ac:dyDescent="0.25"/>
    <row r="547" spans="2:5" ht="24.75" customHeight="1" x14ac:dyDescent="0.2">
      <c r="B547" s="2"/>
      <c r="C547" s="2"/>
      <c r="D547" s="2"/>
      <c r="E547" s="2"/>
    </row>
    <row r="548" spans="2:5" x14ac:dyDescent="0.2">
      <c r="B548" s="2"/>
      <c r="C548" s="2"/>
      <c r="D548" s="2"/>
      <c r="E548" s="2"/>
    </row>
    <row r="549" spans="2:5" ht="20.100000000000001" customHeight="1" x14ac:dyDescent="0.2"/>
    <row r="550" spans="2:5" ht="4.5" customHeight="1" x14ac:dyDescent="0.2"/>
    <row r="551" spans="2:5" ht="20.100000000000001" customHeight="1" x14ac:dyDescent="0.2"/>
    <row r="552" spans="2:5" ht="20.100000000000001" customHeight="1" x14ac:dyDescent="0.2"/>
    <row r="553" spans="2:5" ht="20.100000000000001" customHeight="1" x14ac:dyDescent="0.2"/>
  </sheetData>
  <mergeCells count="514">
    <mergeCell ref="E433:F433"/>
    <mergeCell ref="E505:F505"/>
    <mergeCell ref="E306:F306"/>
    <mergeCell ref="E307:F307"/>
    <mergeCell ref="E308:F308"/>
    <mergeCell ref="E309:F309"/>
    <mergeCell ref="E310:F310"/>
    <mergeCell ref="E311:F311"/>
    <mergeCell ref="E332:F332"/>
    <mergeCell ref="E410:F410"/>
    <mergeCell ref="E411:F411"/>
    <mergeCell ref="E412:F412"/>
    <mergeCell ref="E413:F413"/>
    <mergeCell ref="E414:F414"/>
    <mergeCell ref="E415:F415"/>
    <mergeCell ref="E416:F416"/>
    <mergeCell ref="E417:F417"/>
    <mergeCell ref="E323:F323"/>
    <mergeCell ref="E324:F324"/>
    <mergeCell ref="E325:F325"/>
    <mergeCell ref="E326:F326"/>
    <mergeCell ref="E327:F327"/>
    <mergeCell ref="E328:F328"/>
    <mergeCell ref="E329:F329"/>
    <mergeCell ref="E330:F330"/>
    <mergeCell ref="E331:F331"/>
    <mergeCell ref="E314:F314"/>
    <mergeCell ref="E315:F315"/>
    <mergeCell ref="E316:F316"/>
    <mergeCell ref="E317:F317"/>
    <mergeCell ref="E318:F318"/>
    <mergeCell ref="E319:F319"/>
    <mergeCell ref="E320:F320"/>
    <mergeCell ref="E321:F321"/>
    <mergeCell ref="E322:F322"/>
    <mergeCell ref="B264:F264"/>
    <mergeCell ref="B288:F288"/>
    <mergeCell ref="E284:F284"/>
    <mergeCell ref="E285:F285"/>
    <mergeCell ref="E265:F265"/>
    <mergeCell ref="E266:F266"/>
    <mergeCell ref="E267:F267"/>
    <mergeCell ref="E268:F268"/>
    <mergeCell ref="E269:F269"/>
    <mergeCell ref="E274:F274"/>
    <mergeCell ref="B286:F286"/>
    <mergeCell ref="E439:F439"/>
    <mergeCell ref="E440:F440"/>
    <mergeCell ref="E441:F441"/>
    <mergeCell ref="E442:F442"/>
    <mergeCell ref="E443:F443"/>
    <mergeCell ref="E444:F444"/>
    <mergeCell ref="E445:F445"/>
    <mergeCell ref="E406:F406"/>
    <mergeCell ref="E407:F407"/>
    <mergeCell ref="E408:F408"/>
    <mergeCell ref="E409:F409"/>
    <mergeCell ref="E434:F434"/>
    <mergeCell ref="E435:F435"/>
    <mergeCell ref="E436:F436"/>
    <mergeCell ref="E437:F437"/>
    <mergeCell ref="E438:F438"/>
    <mergeCell ref="E418:F418"/>
    <mergeCell ref="E419:F419"/>
    <mergeCell ref="E420:F420"/>
    <mergeCell ref="E421:F421"/>
    <mergeCell ref="E422:F422"/>
    <mergeCell ref="E423:F423"/>
    <mergeCell ref="E424:F424"/>
    <mergeCell ref="E425:F425"/>
    <mergeCell ref="E426:F426"/>
    <mergeCell ref="E427:F427"/>
    <mergeCell ref="E428:F428"/>
    <mergeCell ref="E429:F429"/>
    <mergeCell ref="E430:F430"/>
    <mergeCell ref="E431:F431"/>
    <mergeCell ref="E432:F432"/>
    <mergeCell ref="E397:F397"/>
    <mergeCell ref="E398:F398"/>
    <mergeCell ref="E399:F399"/>
    <mergeCell ref="E400:F400"/>
    <mergeCell ref="E401:F401"/>
    <mergeCell ref="E402:F402"/>
    <mergeCell ref="E403:F403"/>
    <mergeCell ref="E404:F404"/>
    <mergeCell ref="E405:F405"/>
    <mergeCell ref="E388:F388"/>
    <mergeCell ref="E389:F389"/>
    <mergeCell ref="E390:F390"/>
    <mergeCell ref="E391:F391"/>
    <mergeCell ref="E392:F392"/>
    <mergeCell ref="E393:F393"/>
    <mergeCell ref="E394:F394"/>
    <mergeCell ref="E395:F395"/>
    <mergeCell ref="E396:F396"/>
    <mergeCell ref="E379:F379"/>
    <mergeCell ref="E380:F380"/>
    <mergeCell ref="E381:F381"/>
    <mergeCell ref="E382:F382"/>
    <mergeCell ref="E383:F383"/>
    <mergeCell ref="E384:F384"/>
    <mergeCell ref="E385:F385"/>
    <mergeCell ref="E386:F386"/>
    <mergeCell ref="E387:F387"/>
    <mergeCell ref="E370:F370"/>
    <mergeCell ref="E371:F371"/>
    <mergeCell ref="E372:F372"/>
    <mergeCell ref="E373:F373"/>
    <mergeCell ref="E374:F374"/>
    <mergeCell ref="E375:F375"/>
    <mergeCell ref="E376:F376"/>
    <mergeCell ref="E377:F377"/>
    <mergeCell ref="E378:F378"/>
    <mergeCell ref="E361:F361"/>
    <mergeCell ref="E362:F362"/>
    <mergeCell ref="E363:F363"/>
    <mergeCell ref="E364:F364"/>
    <mergeCell ref="E365:F365"/>
    <mergeCell ref="E366:F366"/>
    <mergeCell ref="E367:F367"/>
    <mergeCell ref="E368:F368"/>
    <mergeCell ref="E369:F369"/>
    <mergeCell ref="E352:F352"/>
    <mergeCell ref="E353:F353"/>
    <mergeCell ref="E354:F354"/>
    <mergeCell ref="E355:F355"/>
    <mergeCell ref="E356:F356"/>
    <mergeCell ref="E357:F357"/>
    <mergeCell ref="E358:F358"/>
    <mergeCell ref="E359:F359"/>
    <mergeCell ref="E360:F360"/>
    <mergeCell ref="E343:F343"/>
    <mergeCell ref="E344:F344"/>
    <mergeCell ref="E345:F345"/>
    <mergeCell ref="E346:F346"/>
    <mergeCell ref="E347:F347"/>
    <mergeCell ref="E348:F348"/>
    <mergeCell ref="E349:F349"/>
    <mergeCell ref="E350:F350"/>
    <mergeCell ref="E351:F351"/>
    <mergeCell ref="E334:F334"/>
    <mergeCell ref="E335:F335"/>
    <mergeCell ref="E336:F336"/>
    <mergeCell ref="E337:F337"/>
    <mergeCell ref="E338:F338"/>
    <mergeCell ref="E339:F339"/>
    <mergeCell ref="E340:F340"/>
    <mergeCell ref="E341:F341"/>
    <mergeCell ref="E342:F342"/>
    <mergeCell ref="E289:F289"/>
    <mergeCell ref="E296:F296"/>
    <mergeCell ref="E333:F333"/>
    <mergeCell ref="E275:F275"/>
    <mergeCell ref="E276:F276"/>
    <mergeCell ref="E277:F277"/>
    <mergeCell ref="E278:F278"/>
    <mergeCell ref="E279:F279"/>
    <mergeCell ref="E280:F280"/>
    <mergeCell ref="E281:F281"/>
    <mergeCell ref="E282:F282"/>
    <mergeCell ref="E283:F283"/>
    <mergeCell ref="E295:F295"/>
    <mergeCell ref="E297:F297"/>
    <mergeCell ref="E298:F298"/>
    <mergeCell ref="E299:F299"/>
    <mergeCell ref="E300:F300"/>
    <mergeCell ref="E301:F301"/>
    <mergeCell ref="E302:F302"/>
    <mergeCell ref="E303:F303"/>
    <mergeCell ref="E304:F304"/>
    <mergeCell ref="E305:F305"/>
    <mergeCell ref="E312:F312"/>
    <mergeCell ref="E313:F313"/>
    <mergeCell ref="E241:F241"/>
    <mergeCell ref="E242:F242"/>
    <mergeCell ref="E243:F243"/>
    <mergeCell ref="E244:F244"/>
    <mergeCell ref="E245:F245"/>
    <mergeCell ref="E246:F246"/>
    <mergeCell ref="E253:F253"/>
    <mergeCell ref="E254:F254"/>
    <mergeCell ref="E261:F261"/>
    <mergeCell ref="E255:F255"/>
    <mergeCell ref="E256:F256"/>
    <mergeCell ref="E257:F257"/>
    <mergeCell ref="E258:F258"/>
    <mergeCell ref="E259:F259"/>
    <mergeCell ref="E260:F260"/>
    <mergeCell ref="E247:F247"/>
    <mergeCell ref="E248:F248"/>
    <mergeCell ref="E249:F249"/>
    <mergeCell ref="E250:F250"/>
    <mergeCell ref="E251:F251"/>
    <mergeCell ref="E252:F252"/>
    <mergeCell ref="E290:F290"/>
    <mergeCell ref="E291:F291"/>
    <mergeCell ref="E292:F292"/>
    <mergeCell ref="E293:F293"/>
    <mergeCell ref="E294:F294"/>
    <mergeCell ref="E230:F230"/>
    <mergeCell ref="E287:F287"/>
    <mergeCell ref="B229:F229"/>
    <mergeCell ref="E270:F270"/>
    <mergeCell ref="E271:F271"/>
    <mergeCell ref="E272:F272"/>
    <mergeCell ref="E273:F273"/>
    <mergeCell ref="E231:F231"/>
    <mergeCell ref="E232:F232"/>
    <mergeCell ref="E233:F233"/>
    <mergeCell ref="E234:F234"/>
    <mergeCell ref="E235:F235"/>
    <mergeCell ref="E236:F236"/>
    <mergeCell ref="E237:F237"/>
    <mergeCell ref="E238:F238"/>
    <mergeCell ref="E239:F239"/>
    <mergeCell ref="E262:F262"/>
    <mergeCell ref="E263:F263"/>
    <mergeCell ref="E240:F240"/>
    <mergeCell ref="E228:F228"/>
    <mergeCell ref="E219:F219"/>
    <mergeCell ref="E220:F220"/>
    <mergeCell ref="E221:F221"/>
    <mergeCell ref="E222:F222"/>
    <mergeCell ref="E223:F223"/>
    <mergeCell ref="E224:F224"/>
    <mergeCell ref="E225:F225"/>
    <mergeCell ref="E226:F226"/>
    <mergeCell ref="E227:F227"/>
    <mergeCell ref="E208:F208"/>
    <mergeCell ref="E210:F210"/>
    <mergeCell ref="E211:F211"/>
    <mergeCell ref="E212:F212"/>
    <mergeCell ref="E213:F213"/>
    <mergeCell ref="E217:F217"/>
    <mergeCell ref="E218:F218"/>
    <mergeCell ref="E199:F199"/>
    <mergeCell ref="E200:F200"/>
    <mergeCell ref="E202:F202"/>
    <mergeCell ref="E203:F203"/>
    <mergeCell ref="E204:F204"/>
    <mergeCell ref="E205:F205"/>
    <mergeCell ref="E206:F206"/>
    <mergeCell ref="E207:F207"/>
    <mergeCell ref="E214:F214"/>
    <mergeCell ref="E215:F215"/>
    <mergeCell ref="E216:F216"/>
    <mergeCell ref="B201:F201"/>
    <mergeCell ref="B209:F209"/>
    <mergeCell ref="E187:F187"/>
    <mergeCell ref="E188:F188"/>
    <mergeCell ref="E189:F189"/>
    <mergeCell ref="E190:F190"/>
    <mergeCell ref="E191:F191"/>
    <mergeCell ref="E192:F192"/>
    <mergeCell ref="E193:F193"/>
    <mergeCell ref="E197:F197"/>
    <mergeCell ref="E198:F198"/>
    <mergeCell ref="E194:F194"/>
    <mergeCell ref="E195:F195"/>
    <mergeCell ref="E196:F196"/>
    <mergeCell ref="E181:F181"/>
    <mergeCell ref="E182:F182"/>
    <mergeCell ref="E184:F184"/>
    <mergeCell ref="E185:F185"/>
    <mergeCell ref="E186:F186"/>
    <mergeCell ref="E158:F158"/>
    <mergeCell ref="E160:F160"/>
    <mergeCell ref="E161:F161"/>
    <mergeCell ref="E162:F162"/>
    <mergeCell ref="E163:F163"/>
    <mergeCell ref="E164:F164"/>
    <mergeCell ref="E174:F174"/>
    <mergeCell ref="E175:F175"/>
    <mergeCell ref="E166:F166"/>
    <mergeCell ref="E167:F167"/>
    <mergeCell ref="E168:F168"/>
    <mergeCell ref="E169:F169"/>
    <mergeCell ref="E170:F170"/>
    <mergeCell ref="E171:F171"/>
    <mergeCell ref="E172:F172"/>
    <mergeCell ref="E173:F173"/>
    <mergeCell ref="B159:F159"/>
    <mergeCell ref="B183:F183"/>
    <mergeCell ref="E165:F165"/>
    <mergeCell ref="E152:F152"/>
    <mergeCell ref="E153:F153"/>
    <mergeCell ref="E154:F154"/>
    <mergeCell ref="E155:F155"/>
    <mergeCell ref="E156:F156"/>
    <mergeCell ref="E157:F157"/>
    <mergeCell ref="E176:F176"/>
    <mergeCell ref="E177:F177"/>
    <mergeCell ref="E180:F180"/>
    <mergeCell ref="E178:F178"/>
    <mergeCell ref="E179:F179"/>
    <mergeCell ref="E143:F143"/>
    <mergeCell ref="E144:F144"/>
    <mergeCell ref="E145:F145"/>
    <mergeCell ref="E146:F146"/>
    <mergeCell ref="E147:F147"/>
    <mergeCell ref="E148:F148"/>
    <mergeCell ref="E149:F149"/>
    <mergeCell ref="E150:F150"/>
    <mergeCell ref="E151:F151"/>
    <mergeCell ref="E134:F134"/>
    <mergeCell ref="E135:F135"/>
    <mergeCell ref="E136:F136"/>
    <mergeCell ref="E137:F137"/>
    <mergeCell ref="E138:F138"/>
    <mergeCell ref="E139:F139"/>
    <mergeCell ref="E140:F140"/>
    <mergeCell ref="E141:F141"/>
    <mergeCell ref="E142:F142"/>
    <mergeCell ref="E125:F125"/>
    <mergeCell ref="E126:F126"/>
    <mergeCell ref="E127:F127"/>
    <mergeCell ref="E128:F128"/>
    <mergeCell ref="E129:F129"/>
    <mergeCell ref="E130:F130"/>
    <mergeCell ref="E131:F131"/>
    <mergeCell ref="E132:F132"/>
    <mergeCell ref="E133:F133"/>
    <mergeCell ref="E116:F116"/>
    <mergeCell ref="E117:F117"/>
    <mergeCell ref="E118:F118"/>
    <mergeCell ref="E119:F119"/>
    <mergeCell ref="E120:F120"/>
    <mergeCell ref="E121:F121"/>
    <mergeCell ref="E122:F122"/>
    <mergeCell ref="E123:F123"/>
    <mergeCell ref="E124:F124"/>
    <mergeCell ref="E102:F102"/>
    <mergeCell ref="E103:F103"/>
    <mergeCell ref="E104:F104"/>
    <mergeCell ref="E105:F105"/>
    <mergeCell ref="E111:F111"/>
    <mergeCell ref="E112:F112"/>
    <mergeCell ref="E113:F113"/>
    <mergeCell ref="E114:F114"/>
    <mergeCell ref="E115:F115"/>
    <mergeCell ref="E106:F106"/>
    <mergeCell ref="E107:F107"/>
    <mergeCell ref="E108:F108"/>
    <mergeCell ref="E109:F109"/>
    <mergeCell ref="E110:F110"/>
    <mergeCell ref="E93:F93"/>
    <mergeCell ref="E94:F94"/>
    <mergeCell ref="E95:F95"/>
    <mergeCell ref="E96:F96"/>
    <mergeCell ref="E97:F97"/>
    <mergeCell ref="E98:F98"/>
    <mergeCell ref="E99:F99"/>
    <mergeCell ref="E100:F100"/>
    <mergeCell ref="E101:F101"/>
    <mergeCell ref="D62:F62"/>
    <mergeCell ref="E63:F63"/>
    <mergeCell ref="E65:F65"/>
    <mergeCell ref="B64:F64"/>
    <mergeCell ref="C40:D40"/>
    <mergeCell ref="C46:D46"/>
    <mergeCell ref="E90:F90"/>
    <mergeCell ref="E91:F91"/>
    <mergeCell ref="E92:F92"/>
    <mergeCell ref="B89:F89"/>
    <mergeCell ref="E83:F83"/>
    <mergeCell ref="E84:F84"/>
    <mergeCell ref="E85:F85"/>
    <mergeCell ref="E86:F86"/>
    <mergeCell ref="E87:F87"/>
    <mergeCell ref="E88:F88"/>
    <mergeCell ref="B60:F60"/>
    <mergeCell ref="B62:C63"/>
    <mergeCell ref="E76:F76"/>
    <mergeCell ref="E77:F77"/>
    <mergeCell ref="E78:F78"/>
    <mergeCell ref="E79:F79"/>
    <mergeCell ref="E80:F80"/>
    <mergeCell ref="E81:F81"/>
    <mergeCell ref="E496:F496"/>
    <mergeCell ref="E497:F497"/>
    <mergeCell ref="E498:F498"/>
    <mergeCell ref="E502:F502"/>
    <mergeCell ref="E500:F500"/>
    <mergeCell ref="E501:F501"/>
    <mergeCell ref="E482:F482"/>
    <mergeCell ref="E483:F483"/>
    <mergeCell ref="E484:F484"/>
    <mergeCell ref="E485:F485"/>
    <mergeCell ref="E486:F486"/>
    <mergeCell ref="E487:F487"/>
    <mergeCell ref="E495:F495"/>
    <mergeCell ref="E493:F493"/>
    <mergeCell ref="E494:F494"/>
    <mergeCell ref="E471:F471"/>
    <mergeCell ref="E472:F472"/>
    <mergeCell ref="E455:F455"/>
    <mergeCell ref="E456:F456"/>
    <mergeCell ref="E457:F457"/>
    <mergeCell ref="E458:F458"/>
    <mergeCell ref="E459:F459"/>
    <mergeCell ref="E460:F460"/>
    <mergeCell ref="E461:F461"/>
    <mergeCell ref="E462:F462"/>
    <mergeCell ref="E463:F463"/>
    <mergeCell ref="B2:F2"/>
    <mergeCell ref="B1:F1"/>
    <mergeCell ref="B27:C27"/>
    <mergeCell ref="B30:C30"/>
    <mergeCell ref="E480:F480"/>
    <mergeCell ref="E481:F481"/>
    <mergeCell ref="E490:F490"/>
    <mergeCell ref="E491:F491"/>
    <mergeCell ref="E492:F492"/>
    <mergeCell ref="E66:F66"/>
    <mergeCell ref="E67:F67"/>
    <mergeCell ref="E68:F68"/>
    <mergeCell ref="E69:F69"/>
    <mergeCell ref="E82:F82"/>
    <mergeCell ref="B13:D13"/>
    <mergeCell ref="B14:D14"/>
    <mergeCell ref="B15:D15"/>
    <mergeCell ref="B16:F16"/>
    <mergeCell ref="C32:D32"/>
    <mergeCell ref="C34:D34"/>
    <mergeCell ref="C37:D37"/>
    <mergeCell ref="C38:D38"/>
    <mergeCell ref="B25:F25"/>
    <mergeCell ref="B20:D20"/>
    <mergeCell ref="E534:F534"/>
    <mergeCell ref="E536:F536"/>
    <mergeCell ref="E537:F537"/>
    <mergeCell ref="B531:F531"/>
    <mergeCell ref="B520:F520"/>
    <mergeCell ref="C521:F521"/>
    <mergeCell ref="C522:F522"/>
    <mergeCell ref="B524:E524"/>
    <mergeCell ref="B530:F530"/>
    <mergeCell ref="C525:D525"/>
    <mergeCell ref="C526:D526"/>
    <mergeCell ref="C527:D527"/>
    <mergeCell ref="C528:D528"/>
    <mergeCell ref="E479:F479"/>
    <mergeCell ref="B447:F447"/>
    <mergeCell ref="B449:C450"/>
    <mergeCell ref="D449:F449"/>
    <mergeCell ref="E450:F450"/>
    <mergeCell ref="E488:F488"/>
    <mergeCell ref="E489:F489"/>
    <mergeCell ref="E478:F478"/>
    <mergeCell ref="E452:F452"/>
    <mergeCell ref="E453:F453"/>
    <mergeCell ref="E454:F454"/>
    <mergeCell ref="E451:F451"/>
    <mergeCell ref="E473:F473"/>
    <mergeCell ref="E474:F474"/>
    <mergeCell ref="E475:F475"/>
    <mergeCell ref="E476:F476"/>
    <mergeCell ref="E477:F477"/>
    <mergeCell ref="E464:F464"/>
    <mergeCell ref="E465:F465"/>
    <mergeCell ref="E466:F466"/>
    <mergeCell ref="E467:F467"/>
    <mergeCell ref="E468:F468"/>
    <mergeCell ref="E469:F469"/>
    <mergeCell ref="E470:F470"/>
    <mergeCell ref="E518:F518"/>
    <mergeCell ref="B510:F510"/>
    <mergeCell ref="B512:C513"/>
    <mergeCell ref="D512:F512"/>
    <mergeCell ref="E513:F513"/>
    <mergeCell ref="E503:F503"/>
    <mergeCell ref="E504:F504"/>
    <mergeCell ref="E506:F506"/>
    <mergeCell ref="E499:F499"/>
    <mergeCell ref="E508:F508"/>
    <mergeCell ref="B507:F507"/>
    <mergeCell ref="E514:F514"/>
    <mergeCell ref="E70:F70"/>
    <mergeCell ref="E71:F71"/>
    <mergeCell ref="E72:F72"/>
    <mergeCell ref="E73:F73"/>
    <mergeCell ref="E74:F74"/>
    <mergeCell ref="E75:F75"/>
    <mergeCell ref="B3:F3"/>
    <mergeCell ref="B7:F7"/>
    <mergeCell ref="B8:F8"/>
    <mergeCell ref="B9:F9"/>
    <mergeCell ref="B11:F11"/>
    <mergeCell ref="B12:D12"/>
    <mergeCell ref="B26:F26"/>
    <mergeCell ref="C31:D31"/>
    <mergeCell ref="B56:C56"/>
    <mergeCell ref="C47:D47"/>
    <mergeCell ref="B17:D17"/>
    <mergeCell ref="B21:D21"/>
    <mergeCell ref="B22:F22"/>
    <mergeCell ref="C39:D39"/>
    <mergeCell ref="B23:F23"/>
    <mergeCell ref="B24:D24"/>
    <mergeCell ref="C35:D35"/>
    <mergeCell ref="C36:D36"/>
    <mergeCell ref="C53:D53"/>
    <mergeCell ref="C54:D54"/>
    <mergeCell ref="C48:D48"/>
    <mergeCell ref="C49:D49"/>
    <mergeCell ref="C50:D50"/>
    <mergeCell ref="C51:D51"/>
    <mergeCell ref="C52:D52"/>
    <mergeCell ref="C33:D33"/>
    <mergeCell ref="C41:D41"/>
    <mergeCell ref="C42:D42"/>
    <mergeCell ref="C43:D43"/>
    <mergeCell ref="C44:D44"/>
    <mergeCell ref="C45:D45"/>
  </mergeCells>
  <phoneticPr fontId="16" type="noConversion"/>
  <conditionalFormatting sqref="C4:C5">
    <cfRule type="containsBlanks" dxfId="12" priority="107">
      <formula>LEN(TRIM(C4))=0</formula>
    </cfRule>
  </conditionalFormatting>
  <conditionalFormatting sqref="C534">
    <cfRule type="containsBlanks" dxfId="11" priority="109">
      <formula>LEN(TRIM(C534))=0</formula>
    </cfRule>
  </conditionalFormatting>
  <conditionalFormatting sqref="C536">
    <cfRule type="containsBlanks" dxfId="10" priority="108">
      <formula>LEN(TRIM(C536))=0</formula>
    </cfRule>
  </conditionalFormatting>
  <conditionalFormatting sqref="C525:D528">
    <cfRule type="containsBlanks" dxfId="9" priority="46">
      <formula>LEN(TRIM(C525))=0</formula>
    </cfRule>
  </conditionalFormatting>
  <conditionalFormatting sqref="D65:D88">
    <cfRule type="containsBlanks" dxfId="8" priority="12">
      <formula>LEN(TRIM(D65))=0</formula>
    </cfRule>
  </conditionalFormatting>
  <conditionalFormatting sqref="D90:D158">
    <cfRule type="containsBlanks" dxfId="7" priority="11">
      <formula>LEN(TRIM(D90))=0</formula>
    </cfRule>
  </conditionalFormatting>
  <conditionalFormatting sqref="D160:D182 D184:D200 D202:D208 D210:D228 D230:D263 D265:D285">
    <cfRule type="containsBlanks" dxfId="6" priority="79">
      <formula>LEN(TRIM(D160))=0</formula>
    </cfRule>
  </conditionalFormatting>
  <conditionalFormatting sqref="D287">
    <cfRule type="containsBlanks" dxfId="5" priority="1">
      <formula>LEN(TRIM(D287))=0</formula>
    </cfRule>
  </conditionalFormatting>
  <conditionalFormatting sqref="D289:D445">
    <cfRule type="containsBlanks" dxfId="4" priority="5">
      <formula>LEN(TRIM(D289))=0</formula>
    </cfRule>
  </conditionalFormatting>
  <conditionalFormatting sqref="D451:D506">
    <cfRule type="containsBlanks" dxfId="3" priority="2">
      <formula>LEN(TRIM(D451))=0</formula>
    </cfRule>
  </conditionalFormatting>
  <conditionalFormatting sqref="D508">
    <cfRule type="containsBlanks" dxfId="2" priority="3">
      <formula>LEN(TRIM(D508))=0</formula>
    </cfRule>
  </conditionalFormatting>
  <conditionalFormatting sqref="D514:D518">
    <cfRule type="containsBlanks" dxfId="1" priority="39">
      <formula>LEN(TRIM(D514))=0</formula>
    </cfRule>
  </conditionalFormatting>
  <conditionalFormatting sqref="E536:F537">
    <cfRule type="containsBlanks" dxfId="0" priority="110">
      <formula>LEN(TRIM(E536))=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1" manualBreakCount="11">
    <brk id="42" min="1" max="5" man="1"/>
    <brk id="143" min="1" max="5" man="1"/>
    <brk id="170" min="1" max="5" man="1"/>
    <brk id="204" min="1" max="5" man="1"/>
    <brk id="233" min="1" max="5" man="1"/>
    <brk id="262" min="1" max="5" man="1"/>
    <brk id="280" min="1" max="5" man="1"/>
    <brk id="419" min="1" max="5" man="1"/>
    <brk id="445" min="1" max="5" man="1"/>
    <brk id="495" min="1" max="5" man="1"/>
    <brk id="505"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56</xdr:row>
                    <xdr:rowOff>9525</xdr:rowOff>
                  </from>
                  <to>
                    <xdr:col>1</xdr:col>
                    <xdr:colOff>885825</xdr:colOff>
                    <xdr:row>5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57</xdr:row>
                    <xdr:rowOff>0</xdr:rowOff>
                  </from>
                  <to>
                    <xdr:col>1</xdr:col>
                    <xdr:colOff>885825</xdr:colOff>
                    <xdr:row>5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5-07-09T06:41:16Z</cp:lastPrinted>
  <dcterms:created xsi:type="dcterms:W3CDTF">2017-04-21T05:51:15Z</dcterms:created>
  <dcterms:modified xsi:type="dcterms:W3CDTF">2025-07-09T08:06:19Z</dcterms:modified>
</cp:coreProperties>
</file>